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C:\Users\s005586\Downloads\"/>
    </mc:Choice>
  </mc:AlternateContent>
  <xr:revisionPtr revIDLastSave="0" documentId="8_{015C038A-2272-49DC-8CB7-77C147B27D50}" xr6:coauthVersionLast="47" xr6:coauthVersionMax="47" xr10:uidLastSave="{00000000-0000-0000-0000-000000000000}"/>
  <bookViews>
    <workbookView xWindow="-120" yWindow="-16320" windowWidth="29040" windowHeight="15720" xr2:uid="{E980DC11-C56A-463B-A8C2-54A2E0A9454F}"/>
  </bookViews>
  <sheets>
    <sheet name="別紙１－２" sheetId="1" r:id="rId1"/>
    <sheet name="備考（1－2）"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1" uniqueCount="76">
  <si>
    <t>（別紙１－２）</t>
  </si>
  <si>
    <t>介 護 給 付 費 算 定 に 係 る 体 制 等 状 況 一 覧 表 （介護予防サービス）</t>
    <rPh sb="37" eb="38">
      <t>スケユ</t>
    </rPh>
    <rPh sb="38" eb="39">
      <t>ユズルヨ</t>
    </rPh>
    <rPh sb="39" eb="40">
      <t>ヨボ</t>
    </rPh>
    <rPh sb="40" eb="41">
      <t>ボウ</t>
    </rPh>
    <phoneticPr fontId="4"/>
  </si>
  <si>
    <t>事 業 所 番 号</t>
  </si>
  <si>
    <t>提供サービス</t>
  </si>
  <si>
    <t>施設等の区分</t>
  </si>
  <si>
    <t>人員配置区分</t>
  </si>
  <si>
    <t>そ　 　　の　 　　他　　 　該　　 　当　　 　す 　　　る 　　　体 　　　制 　　　等</t>
  </si>
  <si>
    <t>LIFEへの登録</t>
    <rPh sb="6" eb="8">
      <t>トウロク</t>
    </rPh>
    <phoneticPr fontId="4"/>
  </si>
  <si>
    <t>割 引</t>
  </si>
  <si>
    <t>各サービス共通</t>
  </si>
  <si>
    <t>地域区分</t>
  </si>
  <si>
    <t>□</t>
  </si>
  <si>
    <t>１　１級地</t>
  </si>
  <si>
    <t>６　２級地</t>
  </si>
  <si>
    <t>７　３級地</t>
  </si>
  <si>
    <t>２　４級地</t>
  </si>
  <si>
    <t>３　５級地</t>
  </si>
  <si>
    <t>４　６級地</t>
  </si>
  <si>
    <t>９　７級地</t>
  </si>
  <si>
    <t>５　その他</t>
  </si>
  <si>
    <t>介護予防支援</t>
    <rPh sb="0" eb="2">
      <t>カイゴヨ</t>
    </rPh>
    <rPh sb="2" eb="4">
      <t>ヨボウシ</t>
    </rPh>
    <rPh sb="4" eb="6">
      <t>シエン</t>
    </rPh>
    <phoneticPr fontId="4"/>
  </si>
  <si>
    <t>１　地域包括支援センター</t>
  </si>
  <si>
    <t>介護職員等処遇改善加算</t>
  </si>
  <si>
    <t>１ なし</t>
  </si>
  <si>
    <t>２ あり</t>
  </si>
  <si>
    <t>１　なし</t>
  </si>
  <si>
    <t>２　あり</t>
  </si>
  <si>
    <t>特別地域加算</t>
  </si>
  <si>
    <t>中山間地域等における小規模事業所加算（地域に関する状況）</t>
    <rPh sb="0" eb="1">
      <t>チュウサ</t>
    </rPh>
    <rPh sb="1" eb="3">
      <t>サンカンチ</t>
    </rPh>
    <rPh sb="3" eb="5">
      <t>チイキト</t>
    </rPh>
    <rPh sb="5" eb="6">
      <t>トウシ</t>
    </rPh>
    <rPh sb="10" eb="13">
      <t>ショウキボジ</t>
    </rPh>
    <rPh sb="13" eb="16">
      <t>ジギョウショカ</t>
    </rPh>
    <rPh sb="16" eb="18">
      <t>カサンチ</t>
    </rPh>
    <rPh sb="19" eb="21">
      <t>チイキカ</t>
    </rPh>
    <rPh sb="22" eb="23">
      <t>カンジ</t>
    </rPh>
    <rPh sb="25" eb="27">
      <t>ジョウキョウ</t>
    </rPh>
    <phoneticPr fontId="4"/>
  </si>
  <si>
    <t>１　非該当</t>
  </si>
  <si>
    <t>２　該当</t>
  </si>
  <si>
    <t>２　居宅介護支援事業者</t>
  </si>
  <si>
    <t>中山間地域等における小規模事業所加算（規模に関する状況）</t>
    <rPh sb="0" eb="1">
      <t>チュウサ</t>
    </rPh>
    <rPh sb="1" eb="3">
      <t>サンカンチ</t>
    </rPh>
    <rPh sb="3" eb="5">
      <t>チイキト</t>
    </rPh>
    <rPh sb="5" eb="6">
      <t>トウシ</t>
    </rPh>
    <rPh sb="10" eb="13">
      <t>ショウキボジ</t>
    </rPh>
    <rPh sb="13" eb="16">
      <t>ジギョウショカ</t>
    </rPh>
    <rPh sb="16" eb="18">
      <t>カサンキ</t>
    </rPh>
    <rPh sb="19" eb="21">
      <t>キボカ</t>
    </rPh>
    <rPh sb="22" eb="23">
      <t>カンジ</t>
    </rPh>
    <rPh sb="25" eb="27">
      <t>ジョウキョウ</t>
    </rPh>
    <phoneticPr fontId="4"/>
  </si>
  <si>
    <t>備考　（別紙１－２）介護予防サービス</t>
    <rPh sb="0" eb="2">
      <t>ビコウカ</t>
    </rPh>
    <rPh sb="10" eb="12">
      <t>カイゴヨ</t>
    </rPh>
    <rPh sb="12" eb="14">
      <t>ヨボウ</t>
    </rPh>
    <phoneticPr fontId="4"/>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ラ</t>
    </rPh>
    <rPh sb="100" eb="101">
      <t>ラン</t>
    </rPh>
    <phoneticPr fontId="4"/>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ロ</t>
    </rPh>
    <rPh sb="7" eb="9">
      <t>ロウジンホ</t>
    </rPh>
    <rPh sb="9" eb="11">
      <t>ホケンシ</t>
    </rPh>
    <rPh sb="11" eb="13">
      <t>シセツシ</t>
    </rPh>
    <rPh sb="18" eb="20">
      <t>シセツト</t>
    </rPh>
    <rPh sb="20" eb="21">
      <t>トウク</t>
    </rPh>
    <rPh sb="22" eb="24">
      <t>クブンオ</t>
    </rPh>
    <rPh sb="25" eb="26">
      <t>オヨザ</t>
    </rPh>
    <rPh sb="28" eb="30">
      <t>ザイタクフ</t>
    </rPh>
    <rPh sb="30" eb="32">
      <t>フッキザ</t>
    </rPh>
    <rPh sb="33" eb="35">
      <t>ザイタクリ</t>
    </rPh>
    <rPh sb="35" eb="37">
      <t>リョウヨウシ</t>
    </rPh>
    <rPh sb="37" eb="39">
      <t>シエンキ</t>
    </rPh>
    <rPh sb="39" eb="41">
      <t>キノウカ</t>
    </rPh>
    <rPh sb="41" eb="43">
      <t>カサンカ</t>
    </rPh>
    <rPh sb="56" eb="58">
      <t>カイゴロ</t>
    </rPh>
    <rPh sb="58" eb="60">
      <t>ロウジンホ</t>
    </rPh>
    <rPh sb="60" eb="62">
      <t>ホケンシ</t>
    </rPh>
    <rPh sb="62" eb="64">
      <t>シセツキ</t>
    </rPh>
    <rPh sb="65" eb="68">
      <t>キホンガタザ</t>
    </rPh>
    <rPh sb="69" eb="71">
      <t>ザイタクキ</t>
    </rPh>
    <rPh sb="71" eb="73">
      <t>キョウカガ</t>
    </rPh>
    <rPh sb="73" eb="74">
      <t>ガタキ</t>
    </rPh>
    <rPh sb="76" eb="78">
      <t>キホンシ</t>
    </rPh>
    <rPh sb="78" eb="80">
      <t>シセツヒ</t>
    </rPh>
    <rPh sb="84" eb="85">
      <t>ヒオ</t>
    </rPh>
    <rPh sb="85" eb="86">
      <t>オヨザ</t>
    </rPh>
    <rPh sb="87" eb="89">
      <t>ザイタクフ</t>
    </rPh>
    <rPh sb="89" eb="91">
      <t>フッキザ</t>
    </rPh>
    <rPh sb="92" eb="94">
      <t>ザイタクリ</t>
    </rPh>
    <rPh sb="94" eb="96">
      <t>リョウヨウシ</t>
    </rPh>
    <rPh sb="96" eb="98">
      <t>シエンキ</t>
    </rPh>
    <rPh sb="98" eb="100">
      <t>キノウカ</t>
    </rPh>
    <rPh sb="100" eb="102">
      <t>カサンカ</t>
    </rPh>
    <rPh sb="103" eb="104">
      <t>カカト</t>
    </rPh>
    <rPh sb="105" eb="107">
      <t>トドケデ</t>
    </rPh>
    <phoneticPr fontId="4"/>
  </si>
  <si>
    <t>　　　　（令和６年９月サービス提供分までは別紙29、令和６年10月サービス提供分以降は別紙29－2）又は「介護老人保健施設（療養型）の基本施設サービス費及び療養体制維持特別加算（Ⅱ）に係る届出」（別紙29－3）を添付してください。</t>
    <rPh sb="5" eb="7">
      <t>レイワネ</t>
    </rPh>
    <rPh sb="8" eb="9">
      <t>ネンガ</t>
    </rPh>
    <rPh sb="10" eb="11">
      <t>ガツテ</t>
    </rPh>
    <rPh sb="15" eb="18">
      <t>テイキョウブンレ</t>
    </rPh>
    <rPh sb="26" eb="28">
      <t>レイワネ</t>
    </rPh>
    <rPh sb="29" eb="30">
      <t>ネンガ</t>
    </rPh>
    <rPh sb="32" eb="33">
      <t>ガツテ</t>
    </rPh>
    <rPh sb="37" eb="40">
      <t>テイキョウブンイ</t>
    </rPh>
    <rPh sb="40" eb="42">
      <t>イコウベ</t>
    </rPh>
    <rPh sb="43" eb="45">
      <t>ベッシオ</t>
    </rPh>
    <rPh sb="76" eb="77">
      <t>オヨリ</t>
    </rPh>
    <rPh sb="78" eb="80">
      <t>リョウヨウタ</t>
    </rPh>
    <rPh sb="80" eb="82">
      <t>タイセイイ</t>
    </rPh>
    <rPh sb="82" eb="84">
      <t>イジト</t>
    </rPh>
    <rPh sb="84" eb="86">
      <t>トクベツカ</t>
    </rPh>
    <rPh sb="86" eb="88">
      <t>カサン</t>
    </rPh>
    <phoneticPr fontId="4"/>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別紙29－4）を添付してください。</t>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4"/>
  </si>
  <si>
    <t>　　　６　人員配置に係る届出については、勤務体制がわかる書類（「従業者の勤務の体制及び勤務形態一覧表」（別紙７）又はこれに準じた勤務割表等）を添付してください。</t>
  </si>
  <si>
    <t>　　　７ 「割引｣を｢あり｣と記載する場合は「指定居宅サービス事業所等による介護給付費の割引に係る割引率の設定について」（別紙５）を添付してください。</t>
    <rPh sb="33" eb="34">
      <t>ショ</t>
    </rPh>
    <phoneticPr fontId="4"/>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si>
  <si>
    <t>　　　９ 「緊急時介護予防訪問看護加算」「特別管理体制」については、「緊急時（介護予防）訪問看護加算・特別管理体制・ターミナルケア体制に係る届出書」（別紙16）を添付してください。</t>
    <rPh sb="9" eb="11">
      <t>カイゴヨ</t>
    </rPh>
    <rPh sb="11" eb="13">
      <t>ヨボウタ</t>
    </rPh>
    <rPh sb="65" eb="67">
      <t>タイセイカ</t>
    </rPh>
    <rPh sb="68" eb="69">
      <t>カカ</t>
    </rPh>
    <phoneticPr fontId="4"/>
  </si>
  <si>
    <t>　　　10　「看護体制強化加算」については、「看護体制強化加算に係る届出書」（別紙19）を添付してください。</t>
  </si>
  <si>
    <t>　　　11　「その他該当する体制等」欄で人員配置に係る加算（減算）の届出については、それぞれ加算（減算）の要件となる職員の配置状況や勤務体制がわかる書類を添付してください。</t>
  </si>
  <si>
    <t>　　　　　　（例）－「機能訓練指導体制」…機能訓練指導員、「リハビリテーションの加算状況」…リハビリテーション従事者、</t>
  </si>
  <si>
    <t>　　　　　　「医師の配置」…医師、「夜間勤務条件基準」…夜勤を行う看護師（准看護師）と介護職員の配置状況　等</t>
  </si>
  <si>
    <t>　　　12 「送迎体制」については、実際に利用者の送迎が可能な場合に記載してください。</t>
  </si>
  <si>
    <t>　　　13 「生活相談員配置等加算」については、「生活相談員配置等加算に係る届出書」（別紙21）を添付してください。</t>
  </si>
  <si>
    <t>　　　14「サービス提供体制強化加算」については、「サービス提供体制強化加算に関する届出書」（別紙14）～（別紙14－6）までのいずれかを添付してください。</t>
    <rPh sb="10" eb="12">
      <t>テイキョウタ</t>
    </rPh>
    <rPh sb="12" eb="14">
      <t>タイセイキ</t>
    </rPh>
    <rPh sb="14" eb="16">
      <t>キョウカカ</t>
    </rPh>
    <rPh sb="16" eb="18">
      <t>カサンテ</t>
    </rPh>
    <rPh sb="30" eb="32">
      <t>テイキョウタ</t>
    </rPh>
    <rPh sb="32" eb="34">
      <t>タイセイキ</t>
    </rPh>
    <rPh sb="34" eb="36">
      <t>キョウカカ</t>
    </rPh>
    <rPh sb="36" eb="38">
      <t>カサンカ</t>
    </rPh>
    <rPh sb="39" eb="40">
      <t>カント</t>
    </rPh>
    <rPh sb="42" eb="45">
      <t>トドケデショベ</t>
    </rPh>
    <rPh sb="47" eb="49">
      <t>ベッシベ</t>
    </rPh>
    <rPh sb="54" eb="56">
      <t>ベッシテ</t>
    </rPh>
    <rPh sb="69" eb="71">
      <t>テンプ</t>
    </rPh>
    <phoneticPr fontId="4"/>
  </si>
  <si>
    <t>　　　15 「特定診療費項目」「リハビリテーション提供体制」については、これらに相当する診療報酬の算定のために届け出た届出書の写しを添付してください。</t>
  </si>
  <si>
    <t>　　　16 「職員の欠員による減算の状況」については、以下の要領で記載してください。</t>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ハ</t>
    </rPh>
    <rPh sb="58" eb="60">
      <t>ハイチキ</t>
    </rPh>
    <rPh sb="60" eb="62">
      <t>キジュンヒ</t>
    </rPh>
    <rPh sb="63" eb="64">
      <t>ヒク</t>
    </rPh>
    <phoneticPr fontId="4"/>
  </si>
  <si>
    <t>　　　　（２）　ア　医師（病院において従事する者を除く。）、理学療法士、作業療法士、言語聴覚士、看護・介護従事者の欠員…「その他該当する体制等」欄の欠員該当職種のみ選択する。</t>
    <rPh sb="42" eb="44">
      <t>ゲンゴチ</t>
    </rPh>
    <rPh sb="44" eb="47">
      <t>チョウカクシカ</t>
    </rPh>
    <rPh sb="48" eb="50">
      <t>カンゴ</t>
    </rPh>
    <phoneticPr fontId="4"/>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キ</t>
    </rPh>
    <rPh sb="69" eb="71">
      <t>キジュンヒ</t>
    </rPh>
    <rPh sb="72" eb="73">
      <t>ヒク</t>
    </rPh>
    <phoneticPr fontId="4"/>
  </si>
  <si>
    <t>　　　　　　　　　　ただし、事業所・施設が以下の地域に所在する場合は、「その他該当する体制等」欄のみ選択する。（人員配置区分欄の変更は行わない。）</t>
  </si>
  <si>
    <t>　　　　　　　　　　＜厚生労働大臣が定める地域＞</t>
    <rPh sb="13" eb="15">
      <t>ロウドウ</t>
    </rPh>
    <phoneticPr fontId="4"/>
  </si>
  <si>
    <t>　　　　　　　　　　　厚生労働大臣が定める地域は、人口５万人未満の市町村であって次に掲げる地域をその区域内に有する市町村の区域とする。</t>
    <rPh sb="13" eb="15">
      <t>ロウドウ</t>
    </rPh>
    <phoneticPr fontId="4"/>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チ</t>
    </rPh>
    <rPh sb="13" eb="15">
      <t>チイキジ</t>
    </rPh>
    <rPh sb="16" eb="19">
      <t>ジゾクテキハ</t>
    </rPh>
    <rPh sb="19" eb="21">
      <t>ハッテンシ</t>
    </rPh>
    <rPh sb="22" eb="24">
      <t>シエンカ</t>
    </rPh>
    <rPh sb="25" eb="26">
      <t>カント</t>
    </rPh>
    <rPh sb="28" eb="30">
      <t>トクベツソ</t>
    </rPh>
    <rPh sb="30" eb="33">
      <t>ソチホウレ</t>
    </rPh>
    <rPh sb="34" eb="36">
      <t>レイワネ</t>
    </rPh>
    <rPh sb="37" eb="38">
      <t>ネンホ</t>
    </rPh>
    <rPh sb="38" eb="40">
      <t>ホウリツダ</t>
    </rPh>
    <rPh sb="40" eb="41">
      <t>ダイゴ</t>
    </rPh>
    <rPh sb="43" eb="44">
      <t>ゴウダ</t>
    </rPh>
    <rPh sb="45" eb="46">
      <t>ダイジ</t>
    </rPh>
    <rPh sb="47" eb="48">
      <t>ジョウダ</t>
    </rPh>
    <rPh sb="48" eb="49">
      <t>ダイコ</t>
    </rPh>
    <rPh sb="50" eb="51">
      <t>コウキ</t>
    </rPh>
    <rPh sb="52" eb="54">
      <t>キテイカ</t>
    </rPh>
    <rPh sb="56" eb="58">
      <t>カソチ</t>
    </rPh>
    <rPh sb="58" eb="60">
      <t>チイキ</t>
    </rPh>
    <phoneticPr fontId="4"/>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キ</t>
    </rPh>
    <rPh sb="96" eb="98">
      <t>キジュンヒ</t>
    </rPh>
    <rPh sb="99" eb="100">
      <t>ヒク</t>
    </rPh>
    <phoneticPr fontId="4"/>
  </si>
  <si>
    <t>　　　　　　　　選択する。（（１）が優先する。）</t>
  </si>
  <si>
    <t>　　　17「高齢者施設等感染対策向上加算Ⅰ」 「高齢者施設等感染対策向上加算Ⅱ」については、「高齢者施設等感染対策向上加算に係る届出書」（別紙35）を添付してください。</t>
  </si>
  <si>
    <t>　　　18「生産性向上推進体制加算」については、「生産性向上推進体制加算に係る届出書」（別紙28）を添付してください。</t>
  </si>
  <si>
    <t xml:space="preserve">         19「口腔連携強化加算」については、「口腔連携強化加算に関する届出書」（別紙11）を添付してください。</t>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ヨ</t>
    </rPh>
    <rPh sb="26" eb="28">
      <t>ヨボウカ</t>
    </rPh>
    <rPh sb="49" eb="51">
      <t>カイゴヨ</t>
    </rPh>
    <rPh sb="51" eb="53">
      <t>ヨボウ</t>
    </rPh>
    <phoneticPr fontId="4"/>
  </si>
  <si>
    <t>　　２　介護老人保健施設に係る届出をした場合には、介護予防短期入所療養介護における届出事項で介護老人保健施設の届出と重複するものの届出は不要です。</t>
    <rPh sb="25" eb="27">
      <t>カイゴヨ</t>
    </rPh>
    <rPh sb="27" eb="29">
      <t>ヨボウ</t>
    </rPh>
    <phoneticPr fontId="4"/>
  </si>
  <si>
    <t>　　３　介護医療院に係る届出をした場合には、介護予防短期入所療養介護における届出事項で介護医療院の届出と重複するものの届出は不要です。</t>
    <rPh sb="4" eb="6">
      <t>カイゴイ</t>
    </rPh>
    <rPh sb="6" eb="8">
      <t>イリョウイ</t>
    </rPh>
    <rPh sb="8" eb="9">
      <t>インカ</t>
    </rPh>
    <rPh sb="43" eb="45">
      <t>カイゴイ</t>
    </rPh>
    <rPh sb="45" eb="47">
      <t>イリョウイ</t>
    </rPh>
    <rPh sb="47" eb="48">
      <t>イン</t>
    </rPh>
    <phoneticPr fontId="4"/>
  </si>
  <si>
    <t>　　４　介護予防短期入所療養介護にあっては、同一の施設区分で事業の実施が複数の病棟にわたる場合は、病棟ごとに届け出てください。</t>
    <rPh sb="4" eb="6">
      <t>カイゴヨ</t>
    </rPh>
    <rPh sb="6" eb="8">
      <t>ヨボウ</t>
    </rPh>
    <phoneticPr fontId="4"/>
  </si>
  <si>
    <t>　　５　一体的に運営がされている介護サービスに係る届出がされ、別紙等が添付されている場合は、内容の重複する別紙等の添付は不要とすること。</t>
    <rPh sb="4" eb="6">
      <t>イッタイテ</t>
    </rPh>
    <rPh sb="6" eb="7">
      <t>テキウ</t>
    </rPh>
    <rPh sb="8" eb="10">
      <t>ウンエイカ</t>
    </rPh>
    <rPh sb="16" eb="18">
      <t>カイゴカ</t>
    </rPh>
    <rPh sb="23" eb="24">
      <t>カカト</t>
    </rPh>
    <rPh sb="25" eb="27">
      <t>トドケデベ</t>
    </rPh>
    <rPh sb="31" eb="33">
      <t>ベッシト</t>
    </rPh>
    <rPh sb="33" eb="34">
      <t>トウテ</t>
    </rPh>
    <rPh sb="35" eb="37">
      <t>テンプバ</t>
    </rPh>
    <rPh sb="42" eb="44">
      <t>バアイナ</t>
    </rPh>
    <rPh sb="46" eb="48">
      <t>ナイヨウチ</t>
    </rPh>
    <rPh sb="49" eb="51">
      <t>チョウフクベ</t>
    </rPh>
    <rPh sb="53" eb="55">
      <t>ベッシト</t>
    </rPh>
    <rPh sb="55" eb="56">
      <t>トウテ</t>
    </rPh>
    <rPh sb="57" eb="59">
      <t>テンプフ</t>
    </rPh>
    <rPh sb="60" eb="62">
      <t>フヨウ</t>
    </rPh>
    <phoneticPr fontId="4"/>
  </si>
  <si>
    <t>備考　（別紙１－２）介護予防サービス　サテライト事業所</t>
    <rPh sb="0" eb="2">
      <t>ビコウカ</t>
    </rPh>
    <rPh sb="10" eb="12">
      <t>カイゴヨ</t>
    </rPh>
    <rPh sb="12" eb="14">
      <t>ヨボウジ</t>
    </rPh>
    <rPh sb="24" eb="27">
      <t>ジギョウショ</t>
    </rPh>
    <phoneticPr fontId="4"/>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font>
      <sz val="11"/>
      <name val="ＭＳ Ｐゴシック"/>
      <family val="3"/>
    </font>
    <font>
      <sz val="16"/>
      <name val="HGSｺﾞｼｯｸM"/>
      <family val="3"/>
    </font>
    <font>
      <sz val="6"/>
      <name val="ＭＳ Ｐゴシック"/>
      <family val="3"/>
      <charset val="128"/>
    </font>
    <font>
      <sz val="11"/>
      <name val="HGSｺﾞｼｯｸM"/>
      <family val="3"/>
    </font>
    <font>
      <sz val="6"/>
      <name val="ＭＳ Ｐゴシック"/>
      <family val="3"/>
    </font>
    <font>
      <sz val="11"/>
      <name val="ＭＳ Ｐゴシック"/>
      <family val="3"/>
      <scheme val="major"/>
    </font>
    <font>
      <sz val="11"/>
      <name val="HGPｺﾞｼｯｸM"/>
      <family val="3"/>
    </font>
    <font>
      <sz val="11"/>
      <name val="HGｺﾞｼｯｸM"/>
      <family val="3"/>
    </font>
    <font>
      <b/>
      <sz val="12"/>
      <name val="HGSｺﾞｼｯｸM"/>
      <family val="3"/>
    </font>
    <font>
      <strike/>
      <sz val="11"/>
      <name val="ＭＳ Ｐゴシック"/>
      <family val="3"/>
    </font>
  </fonts>
  <fills count="3">
    <fill>
      <patternFill patternType="none"/>
    </fill>
    <fill>
      <patternFill patternType="gray125"/>
    </fill>
    <fill>
      <patternFill patternType="solid">
        <fgColor indexed="9"/>
        <bgColor indexed="64"/>
      </patternFill>
    </fill>
  </fills>
  <borders count="4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diagonal/>
    </border>
    <border>
      <left style="thin">
        <color indexed="64"/>
      </left>
      <right/>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s>
  <cellStyleXfs count="1">
    <xf numFmtId="0" fontId="0" fillId="0" borderId="0"/>
  </cellStyleXfs>
  <cellXfs count="147">
    <xf numFmtId="0" fontId="0" fillId="0" borderId="0" xfId="0"/>
    <xf numFmtId="0" fontId="1" fillId="2" borderId="0" xfId="0" applyFont="1" applyFill="1" applyAlignment="1">
      <alignment horizontal="left" vertical="center"/>
    </xf>
    <xf numFmtId="0" fontId="3" fillId="2" borderId="0" xfId="0" applyFont="1" applyFill="1" applyAlignment="1">
      <alignment horizontal="left" vertical="center"/>
    </xf>
    <xf numFmtId="0" fontId="1" fillId="2" borderId="0" xfId="0" applyFont="1" applyFill="1" applyAlignment="1">
      <alignment horizontal="center" vertical="center"/>
    </xf>
    <xf numFmtId="0" fontId="3" fillId="2" borderId="0" xfId="0" applyFont="1" applyFill="1" applyAlignment="1">
      <alignment horizontal="center" vertical="center"/>
    </xf>
    <xf numFmtId="0" fontId="3" fillId="2" borderId="1"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4"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6" xfId="0" applyFont="1" applyFill="1" applyBorder="1" applyAlignment="1">
      <alignment horizontal="center" vertical="center"/>
    </xf>
    <xf numFmtId="0" fontId="3" fillId="2" borderId="7" xfId="0" applyFont="1" applyFill="1" applyBorder="1" applyAlignment="1">
      <alignment horizontal="center" vertical="center"/>
    </xf>
    <xf numFmtId="0" fontId="3" fillId="2" borderId="8" xfId="0" applyFont="1" applyFill="1" applyBorder="1" applyAlignment="1">
      <alignment horizontal="center" vertical="center"/>
    </xf>
    <xf numFmtId="0" fontId="3" fillId="2" borderId="6" xfId="0" applyFont="1" applyFill="1" applyBorder="1" applyAlignment="1">
      <alignment horizontal="center" vertical="center"/>
    </xf>
    <xf numFmtId="0" fontId="3" fillId="2" borderId="8" xfId="0" applyFont="1" applyFill="1" applyBorder="1" applyAlignment="1">
      <alignment horizontal="left" vertical="center"/>
    </xf>
    <xf numFmtId="0" fontId="3" fillId="2" borderId="6" xfId="0" applyFont="1" applyFill="1" applyBorder="1" applyAlignment="1">
      <alignment horizontal="left" vertical="center"/>
    </xf>
    <xf numFmtId="0" fontId="3" fillId="2" borderId="9" xfId="0" applyFont="1" applyFill="1" applyBorder="1" applyAlignment="1">
      <alignment horizontal="left" vertical="center"/>
    </xf>
    <xf numFmtId="0" fontId="0" fillId="2" borderId="7" xfId="0" applyFill="1" applyBorder="1" applyAlignment="1">
      <alignment horizontal="center" vertical="center"/>
    </xf>
    <xf numFmtId="0" fontId="3" fillId="2" borderId="7" xfId="0" applyFont="1" applyFill="1" applyBorder="1" applyAlignment="1">
      <alignment vertical="center"/>
    </xf>
    <xf numFmtId="0" fontId="3" fillId="2" borderId="7" xfId="0" applyFont="1" applyFill="1" applyBorder="1" applyAlignment="1">
      <alignment vertical="center" wrapText="1"/>
    </xf>
    <xf numFmtId="0" fontId="3" fillId="2" borderId="8" xfId="0" applyFont="1" applyFill="1" applyBorder="1" applyAlignment="1">
      <alignment vertical="center" wrapText="1"/>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15"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15" xfId="0" applyFont="1" applyFill="1" applyBorder="1" applyAlignment="1">
      <alignment horizontal="left" vertical="center"/>
    </xf>
    <xf numFmtId="0" fontId="3" fillId="2" borderId="13" xfId="0" applyFont="1" applyFill="1" applyBorder="1" applyAlignment="1">
      <alignment horizontal="left" vertical="center"/>
    </xf>
    <xf numFmtId="0" fontId="3" fillId="2" borderId="16" xfId="0" applyFont="1" applyFill="1" applyBorder="1" applyAlignment="1">
      <alignment horizontal="left" vertical="center"/>
    </xf>
    <xf numFmtId="0" fontId="0" fillId="2" borderId="13" xfId="0" applyFill="1" applyBorder="1" applyAlignment="1">
      <alignment horizontal="center" vertical="center"/>
    </xf>
    <xf numFmtId="0" fontId="3" fillId="2" borderId="14" xfId="0" applyFont="1" applyFill="1" applyBorder="1" applyAlignment="1">
      <alignment vertical="center"/>
    </xf>
    <xf numFmtId="0" fontId="3" fillId="2" borderId="14" xfId="0" applyFont="1" applyFill="1" applyBorder="1" applyAlignment="1">
      <alignment vertical="center" wrapText="1"/>
    </xf>
    <xf numFmtId="0" fontId="0" fillId="2" borderId="14" xfId="0" applyFill="1" applyBorder="1" applyAlignment="1">
      <alignment horizontal="center" vertical="center"/>
    </xf>
    <xf numFmtId="0" fontId="3" fillId="2" borderId="15" xfId="0" applyFont="1" applyFill="1" applyBorder="1" applyAlignment="1">
      <alignment vertical="center" wrapText="1"/>
    </xf>
    <xf numFmtId="0" fontId="3" fillId="2" borderId="17" xfId="0" applyFont="1" applyFill="1" applyBorder="1" applyAlignment="1">
      <alignment horizontal="center" vertical="center"/>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5" fillId="2" borderId="6" xfId="0" applyFont="1" applyFill="1" applyBorder="1" applyAlignment="1">
      <alignment horizontal="center" vertical="center"/>
    </xf>
    <xf numFmtId="0" fontId="3" fillId="0" borderId="9" xfId="0" applyFont="1" applyBorder="1" applyAlignment="1">
      <alignment horizontal="left" vertical="center"/>
    </xf>
    <xf numFmtId="0" fontId="3" fillId="2" borderId="8" xfId="0" applyFont="1" applyFill="1" applyBorder="1" applyAlignment="1">
      <alignment horizontal="left" vertical="center" wrapText="1"/>
    </xf>
    <xf numFmtId="0" fontId="6" fillId="2" borderId="6" xfId="0" applyFont="1" applyFill="1" applyBorder="1" applyAlignment="1">
      <alignment horizontal="left" vertical="center" wrapText="1"/>
    </xf>
    <xf numFmtId="0" fontId="6" fillId="2" borderId="8" xfId="0" applyFont="1" applyFill="1" applyBorder="1" applyAlignment="1">
      <alignment vertical="center"/>
    </xf>
    <xf numFmtId="0" fontId="3" fillId="2" borderId="9" xfId="0" applyFont="1" applyFill="1" applyBorder="1" applyAlignment="1">
      <alignment horizontal="left" vertical="center" wrapText="1"/>
    </xf>
    <xf numFmtId="0" fontId="0" fillId="2" borderId="6" xfId="0" applyFill="1" applyBorder="1" applyAlignment="1">
      <alignment horizontal="center" vertical="center"/>
    </xf>
    <xf numFmtId="0" fontId="3" fillId="2" borderId="7" xfId="0" applyFont="1" applyFill="1" applyBorder="1" applyAlignment="1">
      <alignment horizontal="left" vertical="center"/>
    </xf>
    <xf numFmtId="0" fontId="0" fillId="2" borderId="7" xfId="0" applyFill="1" applyBorder="1" applyAlignment="1">
      <alignment horizontal="center" vertical="center"/>
    </xf>
    <xf numFmtId="0" fontId="7" fillId="2" borderId="7" xfId="0" applyFont="1" applyFill="1" applyBorder="1" applyAlignment="1">
      <alignment horizontal="left" vertical="center"/>
    </xf>
    <xf numFmtId="0" fontId="0" fillId="2" borderId="7" xfId="0" applyFill="1" applyBorder="1" applyAlignment="1">
      <alignment horizontal="left" vertical="center"/>
    </xf>
    <xf numFmtId="0" fontId="0" fillId="2" borderId="0" xfId="0" applyFill="1" applyAlignment="1">
      <alignment horizontal="left" vertical="center"/>
    </xf>
    <xf numFmtId="0" fontId="0" fillId="2" borderId="20" xfId="0" applyFill="1" applyBorder="1" applyAlignment="1">
      <alignment horizontal="left" vertical="center"/>
    </xf>
    <xf numFmtId="0" fontId="5" fillId="2" borderId="7" xfId="0" applyFont="1" applyFill="1" applyBorder="1" applyAlignment="1">
      <alignment horizontal="center" vertical="center"/>
    </xf>
    <xf numFmtId="0" fontId="6" fillId="2" borderId="7" xfId="0" applyFont="1" applyFill="1" applyBorder="1" applyAlignment="1">
      <alignment vertical="top"/>
    </xf>
    <xf numFmtId="0" fontId="6" fillId="2" borderId="8" xfId="0" applyFont="1" applyFill="1" applyBorder="1" applyAlignment="1">
      <alignment vertical="top"/>
    </xf>
    <xf numFmtId="0" fontId="5" fillId="2" borderId="21" xfId="0" applyFont="1" applyFill="1" applyBorder="1" applyAlignment="1">
      <alignment horizontal="center" vertical="center"/>
    </xf>
    <xf numFmtId="0" fontId="3" fillId="2" borderId="20" xfId="0" applyFont="1" applyFill="1" applyBorder="1" applyAlignment="1">
      <alignment horizontal="center" vertical="center"/>
    </xf>
    <xf numFmtId="0" fontId="3" fillId="0" borderId="22" xfId="0" applyFont="1" applyBorder="1" applyAlignment="1">
      <alignment horizontal="left" vertical="center"/>
    </xf>
    <xf numFmtId="0" fontId="3" fillId="2" borderId="20" xfId="0" applyFont="1" applyFill="1" applyBorder="1" applyAlignment="1">
      <alignment horizontal="left" vertical="center" wrapText="1"/>
    </xf>
    <xf numFmtId="0" fontId="6" fillId="2" borderId="21" xfId="0" applyFont="1" applyFill="1" applyBorder="1" applyAlignment="1">
      <alignment horizontal="left" vertical="center" wrapText="1"/>
    </xf>
    <xf numFmtId="0" fontId="6" fillId="2" borderId="20" xfId="0" applyFont="1" applyFill="1" applyBorder="1" applyAlignment="1">
      <alignment vertical="center"/>
    </xf>
    <xf numFmtId="0" fontId="3" fillId="2" borderId="16" xfId="0" applyFont="1" applyFill="1" applyBorder="1" applyAlignment="1">
      <alignment horizontal="left" vertical="center" wrapText="1"/>
    </xf>
    <xf numFmtId="0" fontId="0" fillId="2" borderId="13" xfId="0" applyFill="1" applyBorder="1" applyAlignment="1">
      <alignment horizontal="center" vertical="center"/>
    </xf>
    <xf numFmtId="0" fontId="3" fillId="2" borderId="14" xfId="0" applyFont="1" applyFill="1" applyBorder="1" applyAlignment="1">
      <alignment horizontal="left" vertical="center"/>
    </xf>
    <xf numFmtId="0" fontId="0" fillId="2" borderId="14" xfId="0" applyFill="1" applyBorder="1" applyAlignment="1">
      <alignment horizontal="center" vertical="center"/>
    </xf>
    <xf numFmtId="0" fontId="3" fillId="2" borderId="0" xfId="0" applyFont="1" applyFill="1" applyAlignment="1">
      <alignment vertical="center"/>
    </xf>
    <xf numFmtId="0" fontId="0" fillId="2" borderId="0" xfId="0" applyFill="1" applyAlignment="1">
      <alignment vertical="center"/>
    </xf>
    <xf numFmtId="0" fontId="0" fillId="2" borderId="14" xfId="0" applyFill="1" applyBorder="1" applyAlignment="1">
      <alignment vertical="center"/>
    </xf>
    <xf numFmtId="0" fontId="0" fillId="2" borderId="15" xfId="0" applyFill="1" applyBorder="1" applyAlignment="1">
      <alignment vertical="center"/>
    </xf>
    <xf numFmtId="0" fontId="5" fillId="2" borderId="21" xfId="0" applyFont="1" applyFill="1" applyBorder="1" applyAlignment="1">
      <alignment horizontal="center" vertical="center"/>
    </xf>
    <xf numFmtId="0" fontId="6" fillId="2" borderId="0" xfId="0" applyFont="1" applyFill="1" applyAlignment="1">
      <alignment vertical="top"/>
    </xf>
    <xf numFmtId="0" fontId="6" fillId="2" borderId="20" xfId="0" applyFont="1" applyFill="1" applyBorder="1" applyAlignment="1">
      <alignment vertical="top"/>
    </xf>
    <xf numFmtId="0" fontId="3" fillId="2" borderId="23" xfId="0" applyFont="1" applyFill="1" applyBorder="1" applyAlignment="1">
      <alignment horizontal="center" vertical="center"/>
    </xf>
    <xf numFmtId="0" fontId="3" fillId="2" borderId="24" xfId="0" applyFont="1" applyFill="1" applyBorder="1" applyAlignment="1">
      <alignment horizontal="center" vertical="center"/>
    </xf>
    <xf numFmtId="0" fontId="3" fillId="2" borderId="25" xfId="0" applyFont="1" applyFill="1" applyBorder="1" applyAlignment="1">
      <alignment horizontal="center" vertical="center"/>
    </xf>
    <xf numFmtId="0" fontId="3" fillId="2" borderId="6" xfId="0" applyFont="1" applyFill="1" applyBorder="1" applyAlignment="1">
      <alignment vertical="center"/>
    </xf>
    <xf numFmtId="0" fontId="3" fillId="2" borderId="8" xfId="0" applyFont="1" applyFill="1" applyBorder="1" applyAlignment="1">
      <alignment horizontal="center" vertical="center"/>
    </xf>
    <xf numFmtId="0" fontId="3" fillId="0" borderId="9" xfId="0" applyFont="1" applyBorder="1" applyAlignment="1">
      <alignment vertical="center"/>
    </xf>
    <xf numFmtId="0" fontId="3" fillId="2" borderId="6" xfId="0" applyFont="1" applyFill="1" applyBorder="1" applyAlignment="1">
      <alignment horizontal="center" vertical="center" wrapText="1"/>
    </xf>
    <xf numFmtId="0" fontId="0" fillId="2" borderId="8" xfId="0" applyFill="1" applyBorder="1" applyAlignment="1">
      <alignment vertical="center"/>
    </xf>
    <xf numFmtId="0" fontId="3" fillId="2" borderId="26" xfId="0" applyFont="1" applyFill="1" applyBorder="1" applyAlignment="1">
      <alignment horizontal="left" vertical="center"/>
    </xf>
    <xf numFmtId="0" fontId="0" fillId="2" borderId="27" xfId="0" applyFill="1" applyBorder="1" applyAlignment="1">
      <alignment horizontal="center" vertical="center"/>
    </xf>
    <xf numFmtId="0" fontId="3" fillId="2" borderId="28" xfId="0" applyFont="1" applyFill="1" applyBorder="1" applyAlignment="1">
      <alignment vertical="center"/>
    </xf>
    <xf numFmtId="0" fontId="0" fillId="2" borderId="28" xfId="0" applyFill="1" applyBorder="1" applyAlignment="1">
      <alignment vertical="center"/>
    </xf>
    <xf numFmtId="0" fontId="0" fillId="2" borderId="28" xfId="0" applyFill="1" applyBorder="1" applyAlignment="1">
      <alignment horizontal="center" vertical="center"/>
    </xf>
    <xf numFmtId="0" fontId="0" fillId="2" borderId="29" xfId="0" applyFill="1" applyBorder="1" applyAlignment="1">
      <alignment vertical="center"/>
    </xf>
    <xf numFmtId="0" fontId="0" fillId="2" borderId="6" xfId="0" applyFill="1" applyBorder="1" applyAlignment="1">
      <alignment horizontal="center" vertical="center"/>
    </xf>
    <xf numFmtId="0" fontId="3" fillId="2" borderId="8" xfId="0" applyFont="1" applyFill="1" applyBorder="1" applyAlignment="1">
      <alignment vertical="top"/>
    </xf>
    <xf numFmtId="0" fontId="3" fillId="2" borderId="21" xfId="0" applyFont="1" applyFill="1" applyBorder="1" applyAlignment="1">
      <alignment vertical="center"/>
    </xf>
    <xf numFmtId="0" fontId="3" fillId="2" borderId="20" xfId="0" applyFont="1" applyFill="1" applyBorder="1" applyAlignment="1">
      <alignment horizontal="center" vertical="center"/>
    </xf>
    <xf numFmtId="0" fontId="3" fillId="0" borderId="22" xfId="0" applyFont="1" applyBorder="1" applyAlignment="1">
      <alignment vertical="center"/>
    </xf>
    <xf numFmtId="0" fontId="3" fillId="2" borderId="21" xfId="0" applyFont="1" applyFill="1" applyBorder="1" applyAlignment="1">
      <alignment horizontal="left" vertical="center"/>
    </xf>
    <xf numFmtId="0" fontId="3" fillId="2" borderId="20" xfId="0" applyFont="1" applyFill="1" applyBorder="1" applyAlignment="1">
      <alignment vertical="center" wrapText="1"/>
    </xf>
    <xf numFmtId="0" fontId="3" fillId="2" borderId="21" xfId="0" applyFont="1" applyFill="1" applyBorder="1" applyAlignment="1">
      <alignment horizontal="center" vertical="center" wrapText="1"/>
    </xf>
    <xf numFmtId="0" fontId="0" fillId="2" borderId="20" xfId="0" applyFill="1" applyBorder="1" applyAlignment="1">
      <alignment vertical="center"/>
    </xf>
    <xf numFmtId="0" fontId="3" fillId="2" borderId="30" xfId="0" applyFont="1" applyFill="1" applyBorder="1" applyAlignment="1">
      <alignment horizontal="left" vertical="center" wrapText="1"/>
    </xf>
    <xf numFmtId="0" fontId="0" fillId="2" borderId="31" xfId="0" applyFill="1" applyBorder="1" applyAlignment="1">
      <alignment horizontal="center" vertical="center" wrapText="1"/>
    </xf>
    <xf numFmtId="0" fontId="3" fillId="2" borderId="31" xfId="0" applyFont="1" applyFill="1" applyBorder="1" applyAlignment="1">
      <alignment horizontal="left" vertical="center"/>
    </xf>
    <xf numFmtId="0" fontId="0" fillId="2" borderId="31" xfId="0" applyFill="1" applyBorder="1" applyAlignment="1">
      <alignment horizontal="left" vertical="center"/>
    </xf>
    <xf numFmtId="0" fontId="0" fillId="2" borderId="32" xfId="0" applyFill="1" applyBorder="1" applyAlignment="1">
      <alignment horizontal="left" vertical="center"/>
    </xf>
    <xf numFmtId="0" fontId="0" fillId="2" borderId="0" xfId="0" applyFill="1" applyAlignment="1">
      <alignment horizontal="center" vertical="center"/>
    </xf>
    <xf numFmtId="0" fontId="3" fillId="2" borderId="0" xfId="0" applyFont="1" applyFill="1" applyAlignment="1">
      <alignment vertical="top"/>
    </xf>
    <xf numFmtId="0" fontId="3" fillId="2" borderId="20" xfId="0" applyFont="1" applyFill="1" applyBorder="1" applyAlignment="1">
      <alignment vertical="top"/>
    </xf>
    <xf numFmtId="0" fontId="3" fillId="2" borderId="33" xfId="0" applyFont="1" applyFill="1" applyBorder="1" applyAlignment="1">
      <alignment horizontal="left" vertical="center" wrapText="1"/>
    </xf>
    <xf numFmtId="0" fontId="0" fillId="2" borderId="34" xfId="0" applyFill="1" applyBorder="1" applyAlignment="1">
      <alignment horizontal="center" vertical="center" wrapText="1"/>
    </xf>
    <xf numFmtId="0" fontId="3" fillId="2" borderId="34" xfId="0" applyFont="1" applyFill="1" applyBorder="1" applyAlignment="1">
      <alignment horizontal="left" vertical="center"/>
    </xf>
    <xf numFmtId="0" fontId="0" fillId="2" borderId="34" xfId="0" applyFill="1" applyBorder="1" applyAlignment="1">
      <alignment vertical="center"/>
    </xf>
    <xf numFmtId="0" fontId="0" fillId="2" borderId="35" xfId="0" applyFill="1" applyBorder="1" applyAlignment="1">
      <alignment vertical="center"/>
    </xf>
    <xf numFmtId="0" fontId="3" fillId="2" borderId="21" xfId="0" applyFont="1" applyFill="1" applyBorder="1" applyAlignment="1">
      <alignment vertical="top"/>
    </xf>
    <xf numFmtId="0" fontId="0" fillId="2" borderId="36" xfId="0" applyFill="1" applyBorder="1" applyAlignment="1">
      <alignment horizontal="center" vertical="center" wrapText="1"/>
    </xf>
    <xf numFmtId="0" fontId="3" fillId="2" borderId="22" xfId="0" applyFont="1" applyFill="1" applyBorder="1" applyAlignment="1">
      <alignment horizontal="left" vertical="center" wrapText="1"/>
    </xf>
    <xf numFmtId="0" fontId="0" fillId="2" borderId="37" xfId="0" applyFill="1" applyBorder="1" applyAlignment="1">
      <alignment horizontal="center" vertical="center" wrapText="1"/>
    </xf>
    <xf numFmtId="0" fontId="0" fillId="2" borderId="34" xfId="0" applyFill="1" applyBorder="1" applyAlignment="1">
      <alignment horizontal="left" vertical="center"/>
    </xf>
    <xf numFmtId="0" fontId="0" fillId="2" borderId="35" xfId="0" applyFill="1" applyBorder="1" applyAlignment="1">
      <alignment horizontal="left" vertical="center"/>
    </xf>
    <xf numFmtId="0" fontId="3" fillId="2" borderId="13" xfId="0" applyFont="1" applyFill="1" applyBorder="1" applyAlignment="1">
      <alignment vertical="center"/>
    </xf>
    <xf numFmtId="0" fontId="3" fillId="2" borderId="15" xfId="0" applyFont="1" applyFill="1" applyBorder="1" applyAlignment="1">
      <alignment horizontal="center" vertical="center"/>
    </xf>
    <xf numFmtId="0" fontId="3" fillId="0" borderId="16" xfId="0" applyFont="1" applyBorder="1" applyAlignment="1">
      <alignment vertical="center"/>
    </xf>
    <xf numFmtId="0" fontId="3" fillId="2" borderId="13" xfId="0" applyFont="1" applyFill="1" applyBorder="1" applyAlignment="1">
      <alignment horizontal="center" vertical="center" wrapText="1"/>
    </xf>
    <xf numFmtId="0" fontId="3" fillId="2" borderId="38" xfId="0" applyFont="1" applyFill="1" applyBorder="1" applyAlignment="1">
      <alignment horizontal="left" vertical="center" wrapText="1"/>
    </xf>
    <xf numFmtId="0" fontId="0" fillId="2" borderId="39" xfId="0" applyFill="1" applyBorder="1" applyAlignment="1">
      <alignment horizontal="center" vertical="center"/>
    </xf>
    <xf numFmtId="0" fontId="3" fillId="2" borderId="40" xfId="0" applyFont="1" applyFill="1" applyBorder="1" applyAlignment="1">
      <alignment vertical="center"/>
    </xf>
    <xf numFmtId="0" fontId="0" fillId="2" borderId="31" xfId="0" applyFill="1" applyBorder="1" applyAlignment="1">
      <alignment horizontal="center" vertical="center"/>
    </xf>
    <xf numFmtId="0" fontId="3" fillId="2" borderId="31" xfId="0" applyFont="1" applyFill="1" applyBorder="1" applyAlignment="1">
      <alignment vertical="center"/>
    </xf>
    <xf numFmtId="0" fontId="0" fillId="2" borderId="40" xfId="0" applyFill="1" applyBorder="1" applyAlignment="1">
      <alignment horizontal="left" vertical="center"/>
    </xf>
    <xf numFmtId="0" fontId="7" fillId="2" borderId="14" xfId="0" applyFont="1" applyFill="1" applyBorder="1" applyAlignment="1">
      <alignment horizontal="left" vertical="center"/>
    </xf>
    <xf numFmtId="0" fontId="0" fillId="2" borderId="14" xfId="0" applyFill="1" applyBorder="1" applyAlignment="1">
      <alignment horizontal="left" vertical="center"/>
    </xf>
    <xf numFmtId="0" fontId="0" fillId="2" borderId="15" xfId="0" applyFill="1" applyBorder="1" applyAlignment="1">
      <alignment horizontal="left" vertical="center"/>
    </xf>
    <xf numFmtId="0" fontId="3" fillId="2" borderId="13" xfId="0" applyFont="1" applyFill="1" applyBorder="1" applyAlignment="1">
      <alignment vertical="top"/>
    </xf>
    <xf numFmtId="0" fontId="3" fillId="2" borderId="14" xfId="0" applyFont="1" applyFill="1" applyBorder="1" applyAlignment="1">
      <alignment vertical="top"/>
    </xf>
    <xf numFmtId="0" fontId="3" fillId="2" borderId="15" xfId="0" applyFont="1" applyFill="1" applyBorder="1" applyAlignment="1">
      <alignment vertical="top"/>
    </xf>
    <xf numFmtId="0" fontId="3" fillId="2" borderId="7" xfId="0" applyFont="1" applyFill="1" applyBorder="1" applyAlignment="1">
      <alignment horizontal="left" vertical="center"/>
    </xf>
    <xf numFmtId="0" fontId="8"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center"/>
    </xf>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0" xfId="0" applyFont="1" applyAlignment="1">
      <alignment horizontal="left" vertical="center" wrapText="1"/>
    </xf>
    <xf numFmtId="0" fontId="0" fillId="0" borderId="0" xfId="0" applyAlignment="1">
      <alignment horizontal="center" vertical="center"/>
    </xf>
    <xf numFmtId="0" fontId="0" fillId="0" borderId="0" xfId="0" applyAlignment="1">
      <alignment horizontal="left" vertical="center"/>
    </xf>
    <xf numFmtId="0" fontId="3" fillId="0" borderId="0" xfId="0" applyFont="1" applyAlignment="1">
      <alignment vertical="top"/>
    </xf>
    <xf numFmtId="0" fontId="3" fillId="0" borderId="0" xfId="0" applyFont="1" applyAlignment="1">
      <alignment vertical="center" wrapText="1"/>
    </xf>
    <xf numFmtId="0" fontId="3" fillId="0" borderId="0" xfId="0" applyFont="1" applyAlignment="1">
      <alignment horizontal="left" vertical="top"/>
    </xf>
    <xf numFmtId="0" fontId="3" fillId="0" borderId="0" xfId="0" applyFont="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1162050</xdr:colOff>
      <xdr:row>1</xdr:row>
      <xdr:rowOff>0</xdr:rowOff>
    </xdr:from>
    <xdr:to>
      <xdr:col>6</xdr:col>
      <xdr:colOff>171450</xdr:colOff>
      <xdr:row>1</xdr:row>
      <xdr:rowOff>0</xdr:rowOff>
    </xdr:to>
    <xdr:sp macro="" textlink="">
      <xdr:nvSpPr>
        <xdr:cNvPr id="2" name="Text Box 13">
          <a:extLst>
            <a:ext uri="{FF2B5EF4-FFF2-40B4-BE49-F238E27FC236}">
              <a16:creationId xmlns:a16="http://schemas.microsoft.com/office/drawing/2014/main" id="{E55FFA8A-F373-4CF3-BF36-05E742EE5B1F}"/>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3" name="Text Box 14">
          <a:extLst>
            <a:ext uri="{FF2B5EF4-FFF2-40B4-BE49-F238E27FC236}">
              <a16:creationId xmlns:a16="http://schemas.microsoft.com/office/drawing/2014/main" id="{DFB316A3-4E7E-45EE-B704-126A9908B76B}"/>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4" name="Text Box 15">
          <a:extLst>
            <a:ext uri="{FF2B5EF4-FFF2-40B4-BE49-F238E27FC236}">
              <a16:creationId xmlns:a16="http://schemas.microsoft.com/office/drawing/2014/main" id="{0C243C6B-B18C-40EF-B9DA-E510F51E50F2}"/>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1</xdr:row>
      <xdr:rowOff>0</xdr:rowOff>
    </xdr:from>
    <xdr:to>
      <xdr:col>10</xdr:col>
      <xdr:colOff>114300</xdr:colOff>
      <xdr:row>1</xdr:row>
      <xdr:rowOff>0</xdr:rowOff>
    </xdr:to>
    <xdr:sp macro="" textlink="">
      <xdr:nvSpPr>
        <xdr:cNvPr id="5" name="Text Box 16">
          <a:extLst>
            <a:ext uri="{FF2B5EF4-FFF2-40B4-BE49-F238E27FC236}">
              <a16:creationId xmlns:a16="http://schemas.microsoft.com/office/drawing/2014/main" id="{D172C9D9-2C59-4ECC-9041-D6D523C8EDEA}"/>
            </a:ext>
          </a:extLst>
        </xdr:cNvPr>
        <xdr:cNvSpPr>
          <a:spLocks noChangeArrowheads="1"/>
        </xdr:cNvSpPr>
      </xdr:nvSpPr>
      <xdr:spPr bwMode="auto">
        <a:xfrm>
          <a:off x="14297025" y="257175"/>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0900</xdr:colOff>
      <xdr:row>1</xdr:row>
      <xdr:rowOff>0</xdr:rowOff>
    </xdr:to>
    <xdr:sp macro="" textlink="">
      <xdr:nvSpPr>
        <xdr:cNvPr id="6" name="Text Box 17">
          <a:extLst>
            <a:ext uri="{FF2B5EF4-FFF2-40B4-BE49-F238E27FC236}">
              <a16:creationId xmlns:a16="http://schemas.microsoft.com/office/drawing/2014/main" id="{A81D2FAC-E354-4E00-AD33-DDC9CCE1664A}"/>
            </a:ext>
          </a:extLst>
        </xdr:cNvPr>
        <xdr:cNvSpPr>
          <a:spLocks noChangeArrowheads="1"/>
        </xdr:cNvSpPr>
      </xdr:nvSpPr>
      <xdr:spPr bwMode="auto">
        <a:xfrm>
          <a:off x="6534150" y="257175"/>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1</xdr:row>
      <xdr:rowOff>0</xdr:rowOff>
    </xdr:from>
    <xdr:to>
      <xdr:col>1</xdr:col>
      <xdr:colOff>571500</xdr:colOff>
      <xdr:row>1</xdr:row>
      <xdr:rowOff>0</xdr:rowOff>
    </xdr:to>
    <xdr:sp macro="" textlink="">
      <xdr:nvSpPr>
        <xdr:cNvPr id="7" name="Text Box 18">
          <a:extLst>
            <a:ext uri="{FF2B5EF4-FFF2-40B4-BE49-F238E27FC236}">
              <a16:creationId xmlns:a16="http://schemas.microsoft.com/office/drawing/2014/main" id="{A4B60DEB-4085-445A-998E-F3131E967FCC}"/>
            </a:ext>
          </a:extLst>
        </xdr:cNvPr>
        <xdr:cNvSpPr>
          <a:spLocks noChangeArrowheads="1"/>
        </xdr:cNvSpPr>
      </xdr:nvSpPr>
      <xdr:spPr bwMode="auto">
        <a:xfrm>
          <a:off x="52387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8" name="Text Box 19">
          <a:extLst>
            <a:ext uri="{FF2B5EF4-FFF2-40B4-BE49-F238E27FC236}">
              <a16:creationId xmlns:a16="http://schemas.microsoft.com/office/drawing/2014/main" id="{DDA368B5-151B-44E1-947D-A49BF76CE0DC}"/>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9" name="Text Box 20">
          <a:extLst>
            <a:ext uri="{FF2B5EF4-FFF2-40B4-BE49-F238E27FC236}">
              <a16:creationId xmlns:a16="http://schemas.microsoft.com/office/drawing/2014/main" id="{E40E3CAE-CF8F-4902-AFEB-12719EE76714}"/>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10" name="Text Box 21">
          <a:extLst>
            <a:ext uri="{FF2B5EF4-FFF2-40B4-BE49-F238E27FC236}">
              <a16:creationId xmlns:a16="http://schemas.microsoft.com/office/drawing/2014/main" id="{471A314A-9FB4-4BC0-89F7-ECBA316B27A2}"/>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11" name="Text Box 22">
          <a:extLst>
            <a:ext uri="{FF2B5EF4-FFF2-40B4-BE49-F238E27FC236}">
              <a16:creationId xmlns:a16="http://schemas.microsoft.com/office/drawing/2014/main" id="{91C94EEB-73DA-4AF3-9E04-F98A5C7A4C37}"/>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12" name="Text Box 23">
          <a:extLst>
            <a:ext uri="{FF2B5EF4-FFF2-40B4-BE49-F238E27FC236}">
              <a16:creationId xmlns:a16="http://schemas.microsoft.com/office/drawing/2014/main" id="{C2DA53D4-6D36-462B-BCAC-2AFA0F1838A5}"/>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13" name="Text Box 24">
          <a:extLst>
            <a:ext uri="{FF2B5EF4-FFF2-40B4-BE49-F238E27FC236}">
              <a16:creationId xmlns:a16="http://schemas.microsoft.com/office/drawing/2014/main" id="{1E201014-08B0-4A07-A66C-E9D1A9D1C75D}"/>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14" name="Text Box 25">
          <a:extLst>
            <a:ext uri="{FF2B5EF4-FFF2-40B4-BE49-F238E27FC236}">
              <a16:creationId xmlns:a16="http://schemas.microsoft.com/office/drawing/2014/main" id="{1DE17643-9A65-4839-ACED-FAFF8D535150}"/>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2</xdr:row>
      <xdr:rowOff>0</xdr:rowOff>
    </xdr:from>
    <xdr:to>
      <xdr:col>10</xdr:col>
      <xdr:colOff>114300</xdr:colOff>
      <xdr:row>2</xdr:row>
      <xdr:rowOff>0</xdr:rowOff>
    </xdr:to>
    <xdr:sp macro="" textlink="">
      <xdr:nvSpPr>
        <xdr:cNvPr id="15" name="Text Box 26">
          <a:extLst>
            <a:ext uri="{FF2B5EF4-FFF2-40B4-BE49-F238E27FC236}">
              <a16:creationId xmlns:a16="http://schemas.microsoft.com/office/drawing/2014/main" id="{A5052400-37E6-4E53-B895-ED24C519641D}"/>
            </a:ext>
          </a:extLst>
        </xdr:cNvPr>
        <xdr:cNvSpPr>
          <a:spLocks noChangeArrowheads="1"/>
        </xdr:cNvSpPr>
      </xdr:nvSpPr>
      <xdr:spPr bwMode="auto">
        <a:xfrm>
          <a:off x="14297025" y="514350"/>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2</xdr:row>
      <xdr:rowOff>0</xdr:rowOff>
    </xdr:from>
    <xdr:to>
      <xdr:col>4</xdr:col>
      <xdr:colOff>850900</xdr:colOff>
      <xdr:row>2</xdr:row>
      <xdr:rowOff>0</xdr:rowOff>
    </xdr:to>
    <xdr:sp macro="" textlink="">
      <xdr:nvSpPr>
        <xdr:cNvPr id="16" name="Text Box 27">
          <a:extLst>
            <a:ext uri="{FF2B5EF4-FFF2-40B4-BE49-F238E27FC236}">
              <a16:creationId xmlns:a16="http://schemas.microsoft.com/office/drawing/2014/main" id="{71DF44D2-0D6D-43CA-8F5D-B26A56A25694}"/>
            </a:ext>
          </a:extLst>
        </xdr:cNvPr>
        <xdr:cNvSpPr>
          <a:spLocks noChangeArrowheads="1"/>
        </xdr:cNvSpPr>
      </xdr:nvSpPr>
      <xdr:spPr bwMode="auto">
        <a:xfrm>
          <a:off x="6534150" y="514350"/>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2</xdr:row>
      <xdr:rowOff>0</xdr:rowOff>
    </xdr:from>
    <xdr:to>
      <xdr:col>1</xdr:col>
      <xdr:colOff>571500</xdr:colOff>
      <xdr:row>2</xdr:row>
      <xdr:rowOff>0</xdr:rowOff>
    </xdr:to>
    <xdr:sp macro="" textlink="">
      <xdr:nvSpPr>
        <xdr:cNvPr id="17" name="Text Box 28">
          <a:extLst>
            <a:ext uri="{FF2B5EF4-FFF2-40B4-BE49-F238E27FC236}">
              <a16:creationId xmlns:a16="http://schemas.microsoft.com/office/drawing/2014/main" id="{4F7BA9B8-0223-4953-B4E0-4DC490F45387}"/>
            </a:ext>
          </a:extLst>
        </xdr:cNvPr>
        <xdr:cNvSpPr>
          <a:spLocks noChangeArrowheads="1"/>
        </xdr:cNvSpPr>
      </xdr:nvSpPr>
      <xdr:spPr bwMode="auto">
        <a:xfrm>
          <a:off x="52387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18" name="Text Box 29">
          <a:extLst>
            <a:ext uri="{FF2B5EF4-FFF2-40B4-BE49-F238E27FC236}">
              <a16:creationId xmlns:a16="http://schemas.microsoft.com/office/drawing/2014/main" id="{5ED72AFE-DD37-45E0-BC6D-DFF17A4A063E}"/>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19" name="Text Box 30">
          <a:extLst>
            <a:ext uri="{FF2B5EF4-FFF2-40B4-BE49-F238E27FC236}">
              <a16:creationId xmlns:a16="http://schemas.microsoft.com/office/drawing/2014/main" id="{FBA49773-A2D6-4C5F-9CE7-9452FC6B5E96}"/>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20" name="Text Box 31">
          <a:extLst>
            <a:ext uri="{FF2B5EF4-FFF2-40B4-BE49-F238E27FC236}">
              <a16:creationId xmlns:a16="http://schemas.microsoft.com/office/drawing/2014/main" id="{2F9493AE-7E65-49DD-AD03-9C0BE8A86C13}"/>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21" name="Text Box 32">
          <a:extLst>
            <a:ext uri="{FF2B5EF4-FFF2-40B4-BE49-F238E27FC236}">
              <a16:creationId xmlns:a16="http://schemas.microsoft.com/office/drawing/2014/main" id="{4C4C4C89-7C3F-46CC-ACAE-AFE549A8DA90}"/>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2</xdr:row>
      <xdr:rowOff>0</xdr:rowOff>
    </xdr:from>
    <xdr:to>
      <xdr:col>6</xdr:col>
      <xdr:colOff>349250</xdr:colOff>
      <xdr:row>2</xdr:row>
      <xdr:rowOff>0</xdr:rowOff>
    </xdr:to>
    <xdr:sp macro="" textlink="">
      <xdr:nvSpPr>
        <xdr:cNvPr id="22" name="Text Box 33">
          <a:extLst>
            <a:ext uri="{FF2B5EF4-FFF2-40B4-BE49-F238E27FC236}">
              <a16:creationId xmlns:a16="http://schemas.microsoft.com/office/drawing/2014/main" id="{19D3D386-4D82-408B-BD4F-3F1A78299853}"/>
            </a:ext>
          </a:extLst>
        </xdr:cNvPr>
        <xdr:cNvSpPr>
          <a:spLocks noChangeArrowheads="1"/>
        </xdr:cNvSpPr>
      </xdr:nvSpPr>
      <xdr:spPr bwMode="auto">
        <a:xfrm>
          <a:off x="12058650"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2</xdr:row>
      <xdr:rowOff>0</xdr:rowOff>
    </xdr:from>
    <xdr:to>
      <xdr:col>4</xdr:col>
      <xdr:colOff>844550</xdr:colOff>
      <xdr:row>2</xdr:row>
      <xdr:rowOff>0</xdr:rowOff>
    </xdr:to>
    <xdr:sp macro="" textlink="">
      <xdr:nvSpPr>
        <xdr:cNvPr id="23" name="Text Box 34">
          <a:extLst>
            <a:ext uri="{FF2B5EF4-FFF2-40B4-BE49-F238E27FC236}">
              <a16:creationId xmlns:a16="http://schemas.microsoft.com/office/drawing/2014/main" id="{F66B4013-72DC-4844-BA23-E914296B9113}"/>
            </a:ext>
          </a:extLst>
        </xdr:cNvPr>
        <xdr:cNvSpPr>
          <a:spLocks noChangeArrowheads="1"/>
        </xdr:cNvSpPr>
      </xdr:nvSpPr>
      <xdr:spPr bwMode="auto">
        <a:xfrm>
          <a:off x="6505575" y="51435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24" name="Text Box 35">
          <a:extLst>
            <a:ext uri="{FF2B5EF4-FFF2-40B4-BE49-F238E27FC236}">
              <a16:creationId xmlns:a16="http://schemas.microsoft.com/office/drawing/2014/main" id="{AF704A4C-CE59-4D0D-AA89-AB3330357B6B}"/>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25" name="Text Box 36">
          <a:extLst>
            <a:ext uri="{FF2B5EF4-FFF2-40B4-BE49-F238E27FC236}">
              <a16:creationId xmlns:a16="http://schemas.microsoft.com/office/drawing/2014/main" id="{3545E9E3-541E-4761-B38E-75146162F1A9}"/>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26" name="Text Box 37">
          <a:extLst>
            <a:ext uri="{FF2B5EF4-FFF2-40B4-BE49-F238E27FC236}">
              <a16:creationId xmlns:a16="http://schemas.microsoft.com/office/drawing/2014/main" id="{9DD7FF43-CAB6-4470-8BB9-212012652E50}"/>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27" name="Text Box 38">
          <a:extLst>
            <a:ext uri="{FF2B5EF4-FFF2-40B4-BE49-F238E27FC236}">
              <a16:creationId xmlns:a16="http://schemas.microsoft.com/office/drawing/2014/main" id="{B8B9B023-E1FF-4E21-BCE0-F93740F0E802}"/>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28" name="Text Box 39">
          <a:extLst>
            <a:ext uri="{FF2B5EF4-FFF2-40B4-BE49-F238E27FC236}">
              <a16:creationId xmlns:a16="http://schemas.microsoft.com/office/drawing/2014/main" id="{73AC845F-346E-4AD9-9A20-53CCA0DB1749}"/>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29" name="Text Box 40">
          <a:extLst>
            <a:ext uri="{FF2B5EF4-FFF2-40B4-BE49-F238E27FC236}">
              <a16:creationId xmlns:a16="http://schemas.microsoft.com/office/drawing/2014/main" id="{65BAE05A-A6FE-47F7-A8F2-82B16430C3C3}"/>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30" name="Text Box 41">
          <a:extLst>
            <a:ext uri="{FF2B5EF4-FFF2-40B4-BE49-F238E27FC236}">
              <a16:creationId xmlns:a16="http://schemas.microsoft.com/office/drawing/2014/main" id="{3BC6687D-AB26-4BD5-98FC-93E7067F58B8}"/>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31" name="Text Box 42">
          <a:extLst>
            <a:ext uri="{FF2B5EF4-FFF2-40B4-BE49-F238E27FC236}">
              <a16:creationId xmlns:a16="http://schemas.microsoft.com/office/drawing/2014/main" id="{5043BC3F-05CE-4560-A96E-83F92DE2A555}"/>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2</xdr:row>
      <xdr:rowOff>0</xdr:rowOff>
    </xdr:from>
    <xdr:to>
      <xdr:col>10</xdr:col>
      <xdr:colOff>114300</xdr:colOff>
      <xdr:row>2</xdr:row>
      <xdr:rowOff>0</xdr:rowOff>
    </xdr:to>
    <xdr:sp macro="" textlink="">
      <xdr:nvSpPr>
        <xdr:cNvPr id="32" name="Text Box 43">
          <a:extLst>
            <a:ext uri="{FF2B5EF4-FFF2-40B4-BE49-F238E27FC236}">
              <a16:creationId xmlns:a16="http://schemas.microsoft.com/office/drawing/2014/main" id="{1096B08F-5624-4C6E-9138-70AC672F481A}"/>
            </a:ext>
          </a:extLst>
        </xdr:cNvPr>
        <xdr:cNvSpPr>
          <a:spLocks noChangeArrowheads="1"/>
        </xdr:cNvSpPr>
      </xdr:nvSpPr>
      <xdr:spPr bwMode="auto">
        <a:xfrm>
          <a:off x="14297025" y="514350"/>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2</xdr:row>
      <xdr:rowOff>0</xdr:rowOff>
    </xdr:from>
    <xdr:to>
      <xdr:col>4</xdr:col>
      <xdr:colOff>850900</xdr:colOff>
      <xdr:row>2</xdr:row>
      <xdr:rowOff>0</xdr:rowOff>
    </xdr:to>
    <xdr:sp macro="" textlink="">
      <xdr:nvSpPr>
        <xdr:cNvPr id="33" name="Text Box 44">
          <a:extLst>
            <a:ext uri="{FF2B5EF4-FFF2-40B4-BE49-F238E27FC236}">
              <a16:creationId xmlns:a16="http://schemas.microsoft.com/office/drawing/2014/main" id="{8396316E-7EA4-4B4D-8B6A-EC2D13DB6A42}"/>
            </a:ext>
          </a:extLst>
        </xdr:cNvPr>
        <xdr:cNvSpPr>
          <a:spLocks noChangeArrowheads="1"/>
        </xdr:cNvSpPr>
      </xdr:nvSpPr>
      <xdr:spPr bwMode="auto">
        <a:xfrm>
          <a:off x="6534150" y="514350"/>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2</xdr:row>
      <xdr:rowOff>0</xdr:rowOff>
    </xdr:from>
    <xdr:to>
      <xdr:col>1</xdr:col>
      <xdr:colOff>571500</xdr:colOff>
      <xdr:row>2</xdr:row>
      <xdr:rowOff>0</xdr:rowOff>
    </xdr:to>
    <xdr:sp macro="" textlink="">
      <xdr:nvSpPr>
        <xdr:cNvPr id="34" name="Text Box 45">
          <a:extLst>
            <a:ext uri="{FF2B5EF4-FFF2-40B4-BE49-F238E27FC236}">
              <a16:creationId xmlns:a16="http://schemas.microsoft.com/office/drawing/2014/main" id="{55A13E2F-BE6B-4862-853E-0579627E75D5}"/>
            </a:ext>
          </a:extLst>
        </xdr:cNvPr>
        <xdr:cNvSpPr>
          <a:spLocks noChangeArrowheads="1"/>
        </xdr:cNvSpPr>
      </xdr:nvSpPr>
      <xdr:spPr bwMode="auto">
        <a:xfrm>
          <a:off x="52387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35" name="Text Box 46">
          <a:extLst>
            <a:ext uri="{FF2B5EF4-FFF2-40B4-BE49-F238E27FC236}">
              <a16:creationId xmlns:a16="http://schemas.microsoft.com/office/drawing/2014/main" id="{3797BE59-B971-4244-9331-70549B4C4E40}"/>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36" name="Text Box 47">
          <a:extLst>
            <a:ext uri="{FF2B5EF4-FFF2-40B4-BE49-F238E27FC236}">
              <a16:creationId xmlns:a16="http://schemas.microsoft.com/office/drawing/2014/main" id="{7C130284-34C0-4E17-AC55-2B98A83A5184}"/>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37" name="Text Box 48">
          <a:extLst>
            <a:ext uri="{FF2B5EF4-FFF2-40B4-BE49-F238E27FC236}">
              <a16:creationId xmlns:a16="http://schemas.microsoft.com/office/drawing/2014/main" id="{27ADE48C-9C22-431F-89E9-B7894E0E3396}"/>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38" name="Text Box 49">
          <a:extLst>
            <a:ext uri="{FF2B5EF4-FFF2-40B4-BE49-F238E27FC236}">
              <a16:creationId xmlns:a16="http://schemas.microsoft.com/office/drawing/2014/main" id="{C34794A2-E3BD-4132-A33D-49F36AE02D67}"/>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39" name="Text Box 50">
          <a:extLst>
            <a:ext uri="{FF2B5EF4-FFF2-40B4-BE49-F238E27FC236}">
              <a16:creationId xmlns:a16="http://schemas.microsoft.com/office/drawing/2014/main" id="{C4E235D6-586A-4C5C-ADFD-05577217D37F}"/>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30</xdr:row>
      <xdr:rowOff>0</xdr:rowOff>
    </xdr:from>
    <xdr:to>
      <xdr:col>0</xdr:col>
      <xdr:colOff>63500</xdr:colOff>
      <xdr:row>30</xdr:row>
      <xdr:rowOff>0</xdr:rowOff>
    </xdr:to>
    <xdr:sp macro="" textlink="">
      <xdr:nvSpPr>
        <xdr:cNvPr id="40" name="Text Box 52">
          <a:extLst>
            <a:ext uri="{FF2B5EF4-FFF2-40B4-BE49-F238E27FC236}">
              <a16:creationId xmlns:a16="http://schemas.microsoft.com/office/drawing/2014/main" id="{7C1A8887-2E7F-4D22-8291-75A3C5E7F937}"/>
            </a:ext>
          </a:extLst>
        </xdr:cNvPr>
        <xdr:cNvSpPr>
          <a:spLocks noChangeArrowheads="1"/>
        </xdr:cNvSpPr>
      </xdr:nvSpPr>
      <xdr:spPr bwMode="auto">
        <a:xfrm>
          <a:off x="9525" y="82200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41" name="Text Box 53">
          <a:extLst>
            <a:ext uri="{FF2B5EF4-FFF2-40B4-BE49-F238E27FC236}">
              <a16:creationId xmlns:a16="http://schemas.microsoft.com/office/drawing/2014/main" id="{1E2546CF-DAA6-4CAA-8E64-666617FA0E55}"/>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42" name="Text Box 54">
          <a:extLst>
            <a:ext uri="{FF2B5EF4-FFF2-40B4-BE49-F238E27FC236}">
              <a16:creationId xmlns:a16="http://schemas.microsoft.com/office/drawing/2014/main" id="{3FDED02A-BF83-4F4B-82C4-EE61A572E924}"/>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43" name="Text Box 55">
          <a:extLst>
            <a:ext uri="{FF2B5EF4-FFF2-40B4-BE49-F238E27FC236}">
              <a16:creationId xmlns:a16="http://schemas.microsoft.com/office/drawing/2014/main" id="{11839CF3-6B58-4D4F-8B85-D89FCD97B6F1}"/>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40</xdr:row>
      <xdr:rowOff>0</xdr:rowOff>
    </xdr:from>
    <xdr:to>
      <xdr:col>10</xdr:col>
      <xdr:colOff>114300</xdr:colOff>
      <xdr:row>40</xdr:row>
      <xdr:rowOff>0</xdr:rowOff>
    </xdr:to>
    <xdr:sp macro="" textlink="">
      <xdr:nvSpPr>
        <xdr:cNvPr id="44" name="Text Box 56">
          <a:extLst>
            <a:ext uri="{FF2B5EF4-FFF2-40B4-BE49-F238E27FC236}">
              <a16:creationId xmlns:a16="http://schemas.microsoft.com/office/drawing/2014/main" id="{85D2407E-0737-4535-A74B-1D92694451BC}"/>
            </a:ext>
          </a:extLst>
        </xdr:cNvPr>
        <xdr:cNvSpPr>
          <a:spLocks noChangeArrowheads="1"/>
        </xdr:cNvSpPr>
      </xdr:nvSpPr>
      <xdr:spPr bwMode="auto">
        <a:xfrm>
          <a:off x="14297025" y="10791825"/>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40</xdr:row>
      <xdr:rowOff>0</xdr:rowOff>
    </xdr:from>
    <xdr:to>
      <xdr:col>4</xdr:col>
      <xdr:colOff>850900</xdr:colOff>
      <xdr:row>40</xdr:row>
      <xdr:rowOff>0</xdr:rowOff>
    </xdr:to>
    <xdr:sp macro="" textlink="">
      <xdr:nvSpPr>
        <xdr:cNvPr id="45" name="Text Box 57">
          <a:extLst>
            <a:ext uri="{FF2B5EF4-FFF2-40B4-BE49-F238E27FC236}">
              <a16:creationId xmlns:a16="http://schemas.microsoft.com/office/drawing/2014/main" id="{4584AE62-1368-4F6A-820E-E9E12CFA097F}"/>
            </a:ext>
          </a:extLst>
        </xdr:cNvPr>
        <xdr:cNvSpPr>
          <a:spLocks noChangeArrowheads="1"/>
        </xdr:cNvSpPr>
      </xdr:nvSpPr>
      <xdr:spPr bwMode="auto">
        <a:xfrm>
          <a:off x="6534150" y="10791825"/>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40</xdr:row>
      <xdr:rowOff>0</xdr:rowOff>
    </xdr:from>
    <xdr:to>
      <xdr:col>1</xdr:col>
      <xdr:colOff>571500</xdr:colOff>
      <xdr:row>40</xdr:row>
      <xdr:rowOff>0</xdr:rowOff>
    </xdr:to>
    <xdr:sp macro="" textlink="">
      <xdr:nvSpPr>
        <xdr:cNvPr id="46" name="Text Box 58">
          <a:extLst>
            <a:ext uri="{FF2B5EF4-FFF2-40B4-BE49-F238E27FC236}">
              <a16:creationId xmlns:a16="http://schemas.microsoft.com/office/drawing/2014/main" id="{B3FF7978-8624-4642-9D4E-F580923EEE9B}"/>
            </a:ext>
          </a:extLst>
        </xdr:cNvPr>
        <xdr:cNvSpPr>
          <a:spLocks noChangeArrowheads="1"/>
        </xdr:cNvSpPr>
      </xdr:nvSpPr>
      <xdr:spPr bwMode="auto">
        <a:xfrm>
          <a:off x="52387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47" name="Text Box 59">
          <a:extLst>
            <a:ext uri="{FF2B5EF4-FFF2-40B4-BE49-F238E27FC236}">
              <a16:creationId xmlns:a16="http://schemas.microsoft.com/office/drawing/2014/main" id="{AD4560DC-498D-47B9-93B7-F09165B912C9}"/>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48" name="Text Box 60">
          <a:extLst>
            <a:ext uri="{FF2B5EF4-FFF2-40B4-BE49-F238E27FC236}">
              <a16:creationId xmlns:a16="http://schemas.microsoft.com/office/drawing/2014/main" id="{CBEEA99D-2DFE-4B11-BB6A-BFE95FF42E2A}"/>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49" name="Text Box 61">
          <a:extLst>
            <a:ext uri="{FF2B5EF4-FFF2-40B4-BE49-F238E27FC236}">
              <a16:creationId xmlns:a16="http://schemas.microsoft.com/office/drawing/2014/main" id="{97E82DC1-1927-4FE1-8D29-061628013625}"/>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0</xdr:row>
      <xdr:rowOff>0</xdr:rowOff>
    </xdr:from>
    <xdr:to>
      <xdr:col>0</xdr:col>
      <xdr:colOff>63500</xdr:colOff>
      <xdr:row>40</xdr:row>
      <xdr:rowOff>0</xdr:rowOff>
    </xdr:to>
    <xdr:sp macro="" textlink="">
      <xdr:nvSpPr>
        <xdr:cNvPr id="50" name="Text Box 62">
          <a:extLst>
            <a:ext uri="{FF2B5EF4-FFF2-40B4-BE49-F238E27FC236}">
              <a16:creationId xmlns:a16="http://schemas.microsoft.com/office/drawing/2014/main" id="{D5B3C9EA-52DD-4A0B-86D9-1288041586B6}"/>
            </a:ext>
          </a:extLst>
        </xdr:cNvPr>
        <xdr:cNvSpPr>
          <a:spLocks noChangeArrowheads="1"/>
        </xdr:cNvSpPr>
      </xdr:nvSpPr>
      <xdr:spPr bwMode="auto">
        <a:xfrm>
          <a:off x="9525" y="1079182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66750</xdr:colOff>
      <xdr:row>26</xdr:row>
      <xdr:rowOff>120650</xdr:rowOff>
    </xdr:from>
    <xdr:to>
      <xdr:col>5</xdr:col>
      <xdr:colOff>1917700</xdr:colOff>
      <xdr:row>33</xdr:row>
      <xdr:rowOff>82550</xdr:rowOff>
    </xdr:to>
    <xdr:sp macro="" textlink="" fLocksText="0">
      <xdr:nvSpPr>
        <xdr:cNvPr id="51" name="Rectangle 63">
          <a:extLst>
            <a:ext uri="{FF2B5EF4-FFF2-40B4-BE49-F238E27FC236}">
              <a16:creationId xmlns:a16="http://schemas.microsoft.com/office/drawing/2014/main" id="{352583C7-34DE-4C92-9105-FC09ECEF6DC7}"/>
            </a:ext>
          </a:extLst>
        </xdr:cNvPr>
        <xdr:cNvSpPr>
          <a:spLocks noChangeArrowheads="1"/>
        </xdr:cNvSpPr>
      </xdr:nvSpPr>
      <xdr:spPr bwMode="auto">
        <a:xfrm>
          <a:off x="828675" y="7315200"/>
          <a:ext cx="10067925"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1162050</xdr:colOff>
      <xdr:row>1</xdr:row>
      <xdr:rowOff>0</xdr:rowOff>
    </xdr:from>
    <xdr:to>
      <xdr:col>6</xdr:col>
      <xdr:colOff>171450</xdr:colOff>
      <xdr:row>1</xdr:row>
      <xdr:rowOff>0</xdr:rowOff>
    </xdr:to>
    <xdr:sp macro="" textlink="">
      <xdr:nvSpPr>
        <xdr:cNvPr id="52" name="Text Box 13">
          <a:extLst>
            <a:ext uri="{FF2B5EF4-FFF2-40B4-BE49-F238E27FC236}">
              <a16:creationId xmlns:a16="http://schemas.microsoft.com/office/drawing/2014/main" id="{071EB439-BA73-4924-9143-49B8C0972C77}"/>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53" name="Text Box 14">
          <a:extLst>
            <a:ext uri="{FF2B5EF4-FFF2-40B4-BE49-F238E27FC236}">
              <a16:creationId xmlns:a16="http://schemas.microsoft.com/office/drawing/2014/main" id="{99EFC6AE-F427-42AC-BF12-7F796B5CE032}"/>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1</xdr:row>
      <xdr:rowOff>0</xdr:rowOff>
    </xdr:from>
    <xdr:to>
      <xdr:col>6</xdr:col>
      <xdr:colOff>171450</xdr:colOff>
      <xdr:row>1</xdr:row>
      <xdr:rowOff>0</xdr:rowOff>
    </xdr:to>
    <xdr:sp macro="" textlink="">
      <xdr:nvSpPr>
        <xdr:cNvPr id="54" name="Text Box 15">
          <a:extLst>
            <a:ext uri="{FF2B5EF4-FFF2-40B4-BE49-F238E27FC236}">
              <a16:creationId xmlns:a16="http://schemas.microsoft.com/office/drawing/2014/main" id="{6004CE30-9788-41D1-BFD5-6DFA028C2065}"/>
            </a:ext>
          </a:extLst>
        </xdr:cNvPr>
        <xdr:cNvSpPr>
          <a:spLocks noChangeArrowheads="1"/>
        </xdr:cNvSpPr>
      </xdr:nvSpPr>
      <xdr:spPr bwMode="auto">
        <a:xfrm>
          <a:off x="10144125" y="25717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1</xdr:row>
      <xdr:rowOff>0</xdr:rowOff>
    </xdr:from>
    <xdr:to>
      <xdr:col>10</xdr:col>
      <xdr:colOff>114300</xdr:colOff>
      <xdr:row>1</xdr:row>
      <xdr:rowOff>0</xdr:rowOff>
    </xdr:to>
    <xdr:sp macro="" textlink="">
      <xdr:nvSpPr>
        <xdr:cNvPr id="55" name="Text Box 16">
          <a:extLst>
            <a:ext uri="{FF2B5EF4-FFF2-40B4-BE49-F238E27FC236}">
              <a16:creationId xmlns:a16="http://schemas.microsoft.com/office/drawing/2014/main" id="{1E61A146-ECA3-40C1-A758-B910548BEBEE}"/>
            </a:ext>
          </a:extLst>
        </xdr:cNvPr>
        <xdr:cNvSpPr>
          <a:spLocks noChangeArrowheads="1"/>
        </xdr:cNvSpPr>
      </xdr:nvSpPr>
      <xdr:spPr bwMode="auto">
        <a:xfrm>
          <a:off x="14297025" y="257175"/>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1</xdr:row>
      <xdr:rowOff>0</xdr:rowOff>
    </xdr:from>
    <xdr:to>
      <xdr:col>4</xdr:col>
      <xdr:colOff>850900</xdr:colOff>
      <xdr:row>1</xdr:row>
      <xdr:rowOff>0</xdr:rowOff>
    </xdr:to>
    <xdr:sp macro="" textlink="">
      <xdr:nvSpPr>
        <xdr:cNvPr id="56" name="Text Box 17">
          <a:extLst>
            <a:ext uri="{FF2B5EF4-FFF2-40B4-BE49-F238E27FC236}">
              <a16:creationId xmlns:a16="http://schemas.microsoft.com/office/drawing/2014/main" id="{3C2FCD4F-8C1B-4206-9D1D-DEEA600F17A1}"/>
            </a:ext>
          </a:extLst>
        </xdr:cNvPr>
        <xdr:cNvSpPr>
          <a:spLocks noChangeArrowheads="1"/>
        </xdr:cNvSpPr>
      </xdr:nvSpPr>
      <xdr:spPr bwMode="auto">
        <a:xfrm>
          <a:off x="6534150" y="257175"/>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1</xdr:row>
      <xdr:rowOff>0</xdr:rowOff>
    </xdr:from>
    <xdr:to>
      <xdr:col>1</xdr:col>
      <xdr:colOff>571500</xdr:colOff>
      <xdr:row>1</xdr:row>
      <xdr:rowOff>0</xdr:rowOff>
    </xdr:to>
    <xdr:sp macro="" textlink="">
      <xdr:nvSpPr>
        <xdr:cNvPr id="57" name="Text Box 18">
          <a:extLst>
            <a:ext uri="{FF2B5EF4-FFF2-40B4-BE49-F238E27FC236}">
              <a16:creationId xmlns:a16="http://schemas.microsoft.com/office/drawing/2014/main" id="{DCBC38E9-7B9D-4D6C-982D-549DF5C925C0}"/>
            </a:ext>
          </a:extLst>
        </xdr:cNvPr>
        <xdr:cNvSpPr>
          <a:spLocks noChangeArrowheads="1"/>
        </xdr:cNvSpPr>
      </xdr:nvSpPr>
      <xdr:spPr bwMode="auto">
        <a:xfrm>
          <a:off x="52387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58" name="Text Box 19">
          <a:extLst>
            <a:ext uri="{FF2B5EF4-FFF2-40B4-BE49-F238E27FC236}">
              <a16:creationId xmlns:a16="http://schemas.microsoft.com/office/drawing/2014/main" id="{56919D3D-CC5D-46BB-A443-DFB516616B05}"/>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59" name="Text Box 20">
          <a:extLst>
            <a:ext uri="{FF2B5EF4-FFF2-40B4-BE49-F238E27FC236}">
              <a16:creationId xmlns:a16="http://schemas.microsoft.com/office/drawing/2014/main" id="{3EEC43DB-690F-4271-A1E2-AB1D0215543B}"/>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1</xdr:row>
      <xdr:rowOff>0</xdr:rowOff>
    </xdr:from>
    <xdr:to>
      <xdr:col>4</xdr:col>
      <xdr:colOff>882650</xdr:colOff>
      <xdr:row>1</xdr:row>
      <xdr:rowOff>0</xdr:rowOff>
    </xdr:to>
    <xdr:sp macro="" textlink="">
      <xdr:nvSpPr>
        <xdr:cNvPr id="60" name="Text Box 21">
          <a:extLst>
            <a:ext uri="{FF2B5EF4-FFF2-40B4-BE49-F238E27FC236}">
              <a16:creationId xmlns:a16="http://schemas.microsoft.com/office/drawing/2014/main" id="{A7C77867-C396-44E2-B844-2035580732FC}"/>
            </a:ext>
          </a:extLst>
        </xdr:cNvPr>
        <xdr:cNvSpPr>
          <a:spLocks noChangeArrowheads="1"/>
        </xdr:cNvSpPr>
      </xdr:nvSpPr>
      <xdr:spPr bwMode="auto">
        <a:xfrm>
          <a:off x="6562725" y="25717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1</xdr:row>
      <xdr:rowOff>0</xdr:rowOff>
    </xdr:from>
    <xdr:to>
      <xdr:col>0</xdr:col>
      <xdr:colOff>63500</xdr:colOff>
      <xdr:row>1</xdr:row>
      <xdr:rowOff>0</xdr:rowOff>
    </xdr:to>
    <xdr:sp macro="" textlink="">
      <xdr:nvSpPr>
        <xdr:cNvPr id="61" name="Text Box 22">
          <a:extLst>
            <a:ext uri="{FF2B5EF4-FFF2-40B4-BE49-F238E27FC236}">
              <a16:creationId xmlns:a16="http://schemas.microsoft.com/office/drawing/2014/main" id="{ADA29024-A2FA-4506-A553-1B7F69DFA16B}"/>
            </a:ext>
          </a:extLst>
        </xdr:cNvPr>
        <xdr:cNvSpPr>
          <a:spLocks noChangeArrowheads="1"/>
        </xdr:cNvSpPr>
      </xdr:nvSpPr>
      <xdr:spPr bwMode="auto">
        <a:xfrm>
          <a:off x="9525" y="2571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62" name="Text Box 23">
          <a:extLst>
            <a:ext uri="{FF2B5EF4-FFF2-40B4-BE49-F238E27FC236}">
              <a16:creationId xmlns:a16="http://schemas.microsoft.com/office/drawing/2014/main" id="{16ED9C2D-8D60-47E9-97AF-F25F7299AD39}"/>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63" name="Text Box 24">
          <a:extLst>
            <a:ext uri="{FF2B5EF4-FFF2-40B4-BE49-F238E27FC236}">
              <a16:creationId xmlns:a16="http://schemas.microsoft.com/office/drawing/2014/main" id="{6354C44B-9AB0-4C88-BB91-91DEE26757A1}"/>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64" name="Text Box 25">
          <a:extLst>
            <a:ext uri="{FF2B5EF4-FFF2-40B4-BE49-F238E27FC236}">
              <a16:creationId xmlns:a16="http://schemas.microsoft.com/office/drawing/2014/main" id="{21303521-833B-4125-B2E1-E43BF437B101}"/>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2</xdr:row>
      <xdr:rowOff>0</xdr:rowOff>
    </xdr:from>
    <xdr:to>
      <xdr:col>10</xdr:col>
      <xdr:colOff>114300</xdr:colOff>
      <xdr:row>2</xdr:row>
      <xdr:rowOff>0</xdr:rowOff>
    </xdr:to>
    <xdr:sp macro="" textlink="">
      <xdr:nvSpPr>
        <xdr:cNvPr id="65" name="Text Box 26">
          <a:extLst>
            <a:ext uri="{FF2B5EF4-FFF2-40B4-BE49-F238E27FC236}">
              <a16:creationId xmlns:a16="http://schemas.microsoft.com/office/drawing/2014/main" id="{49749ED3-5918-4960-A65D-807947D777D7}"/>
            </a:ext>
          </a:extLst>
        </xdr:cNvPr>
        <xdr:cNvSpPr>
          <a:spLocks noChangeArrowheads="1"/>
        </xdr:cNvSpPr>
      </xdr:nvSpPr>
      <xdr:spPr bwMode="auto">
        <a:xfrm>
          <a:off x="14297025" y="514350"/>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2</xdr:row>
      <xdr:rowOff>0</xdr:rowOff>
    </xdr:from>
    <xdr:to>
      <xdr:col>4</xdr:col>
      <xdr:colOff>850900</xdr:colOff>
      <xdr:row>2</xdr:row>
      <xdr:rowOff>0</xdr:rowOff>
    </xdr:to>
    <xdr:sp macro="" textlink="">
      <xdr:nvSpPr>
        <xdr:cNvPr id="66" name="Text Box 27">
          <a:extLst>
            <a:ext uri="{FF2B5EF4-FFF2-40B4-BE49-F238E27FC236}">
              <a16:creationId xmlns:a16="http://schemas.microsoft.com/office/drawing/2014/main" id="{5E3066AF-190C-492F-956C-150D54D1F259}"/>
            </a:ext>
          </a:extLst>
        </xdr:cNvPr>
        <xdr:cNvSpPr>
          <a:spLocks noChangeArrowheads="1"/>
        </xdr:cNvSpPr>
      </xdr:nvSpPr>
      <xdr:spPr bwMode="auto">
        <a:xfrm>
          <a:off x="6534150" y="514350"/>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2</xdr:row>
      <xdr:rowOff>0</xdr:rowOff>
    </xdr:from>
    <xdr:to>
      <xdr:col>1</xdr:col>
      <xdr:colOff>571500</xdr:colOff>
      <xdr:row>2</xdr:row>
      <xdr:rowOff>0</xdr:rowOff>
    </xdr:to>
    <xdr:sp macro="" textlink="">
      <xdr:nvSpPr>
        <xdr:cNvPr id="67" name="Text Box 28">
          <a:extLst>
            <a:ext uri="{FF2B5EF4-FFF2-40B4-BE49-F238E27FC236}">
              <a16:creationId xmlns:a16="http://schemas.microsoft.com/office/drawing/2014/main" id="{65AAAAD1-3E67-4470-9306-FAA0059C5E03}"/>
            </a:ext>
          </a:extLst>
        </xdr:cNvPr>
        <xdr:cNvSpPr>
          <a:spLocks noChangeArrowheads="1"/>
        </xdr:cNvSpPr>
      </xdr:nvSpPr>
      <xdr:spPr bwMode="auto">
        <a:xfrm>
          <a:off x="52387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68" name="Text Box 29">
          <a:extLst>
            <a:ext uri="{FF2B5EF4-FFF2-40B4-BE49-F238E27FC236}">
              <a16:creationId xmlns:a16="http://schemas.microsoft.com/office/drawing/2014/main" id="{41115486-E758-4ADF-B25A-C04CDEF72129}"/>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69" name="Text Box 30">
          <a:extLst>
            <a:ext uri="{FF2B5EF4-FFF2-40B4-BE49-F238E27FC236}">
              <a16:creationId xmlns:a16="http://schemas.microsoft.com/office/drawing/2014/main" id="{329A5D1F-5FEC-4846-B980-F9C2922A3679}"/>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70" name="Text Box 31">
          <a:extLst>
            <a:ext uri="{FF2B5EF4-FFF2-40B4-BE49-F238E27FC236}">
              <a16:creationId xmlns:a16="http://schemas.microsoft.com/office/drawing/2014/main" id="{C076FF07-CF5A-4356-ADBB-38DB66A6A663}"/>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71" name="Text Box 32">
          <a:extLst>
            <a:ext uri="{FF2B5EF4-FFF2-40B4-BE49-F238E27FC236}">
              <a16:creationId xmlns:a16="http://schemas.microsoft.com/office/drawing/2014/main" id="{91D2D0C5-BF31-42AC-87CF-11C32FFE1F68}"/>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6</xdr:col>
      <xdr:colOff>139700</xdr:colOff>
      <xdr:row>2</xdr:row>
      <xdr:rowOff>0</xdr:rowOff>
    </xdr:from>
    <xdr:to>
      <xdr:col>6</xdr:col>
      <xdr:colOff>349250</xdr:colOff>
      <xdr:row>2</xdr:row>
      <xdr:rowOff>0</xdr:rowOff>
    </xdr:to>
    <xdr:sp macro="" textlink="">
      <xdr:nvSpPr>
        <xdr:cNvPr id="72" name="Text Box 33">
          <a:extLst>
            <a:ext uri="{FF2B5EF4-FFF2-40B4-BE49-F238E27FC236}">
              <a16:creationId xmlns:a16="http://schemas.microsoft.com/office/drawing/2014/main" id="{462B4A01-02AE-45E2-A243-6B09F9DD2164}"/>
            </a:ext>
          </a:extLst>
        </xdr:cNvPr>
        <xdr:cNvSpPr>
          <a:spLocks noChangeArrowheads="1"/>
        </xdr:cNvSpPr>
      </xdr:nvSpPr>
      <xdr:spPr bwMode="auto">
        <a:xfrm>
          <a:off x="12058650"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22300</xdr:colOff>
      <xdr:row>2</xdr:row>
      <xdr:rowOff>0</xdr:rowOff>
    </xdr:from>
    <xdr:to>
      <xdr:col>4</xdr:col>
      <xdr:colOff>844550</xdr:colOff>
      <xdr:row>2</xdr:row>
      <xdr:rowOff>0</xdr:rowOff>
    </xdr:to>
    <xdr:sp macro="" textlink="">
      <xdr:nvSpPr>
        <xdr:cNvPr id="73" name="Text Box 34">
          <a:extLst>
            <a:ext uri="{FF2B5EF4-FFF2-40B4-BE49-F238E27FC236}">
              <a16:creationId xmlns:a16="http://schemas.microsoft.com/office/drawing/2014/main" id="{115F1148-1410-4E16-B198-80D8CA45A979}"/>
            </a:ext>
          </a:extLst>
        </xdr:cNvPr>
        <xdr:cNvSpPr>
          <a:spLocks noChangeArrowheads="1"/>
        </xdr:cNvSpPr>
      </xdr:nvSpPr>
      <xdr:spPr bwMode="auto">
        <a:xfrm>
          <a:off x="6505575" y="514350"/>
          <a:ext cx="2286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74" name="Text Box 35">
          <a:extLst>
            <a:ext uri="{FF2B5EF4-FFF2-40B4-BE49-F238E27FC236}">
              <a16:creationId xmlns:a16="http://schemas.microsoft.com/office/drawing/2014/main" id="{6EE848DE-1D4D-4197-B318-2A21D7E60982}"/>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75" name="Text Box 36">
          <a:extLst>
            <a:ext uri="{FF2B5EF4-FFF2-40B4-BE49-F238E27FC236}">
              <a16:creationId xmlns:a16="http://schemas.microsoft.com/office/drawing/2014/main" id="{45C8355C-1463-4B90-8680-16CE6A9852DE}"/>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76" name="Text Box 37">
          <a:extLst>
            <a:ext uri="{FF2B5EF4-FFF2-40B4-BE49-F238E27FC236}">
              <a16:creationId xmlns:a16="http://schemas.microsoft.com/office/drawing/2014/main" id="{16192413-D6AC-4DFD-850D-651C337E1047}"/>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77" name="Text Box 38">
          <a:extLst>
            <a:ext uri="{FF2B5EF4-FFF2-40B4-BE49-F238E27FC236}">
              <a16:creationId xmlns:a16="http://schemas.microsoft.com/office/drawing/2014/main" id="{C77315F5-B4AD-46EC-BB8B-9C0494926AF6}"/>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78" name="Text Box 39">
          <a:extLst>
            <a:ext uri="{FF2B5EF4-FFF2-40B4-BE49-F238E27FC236}">
              <a16:creationId xmlns:a16="http://schemas.microsoft.com/office/drawing/2014/main" id="{B9D4AAA0-1E75-4A7C-96C0-5E82191D8E7C}"/>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79" name="Text Box 40">
          <a:extLst>
            <a:ext uri="{FF2B5EF4-FFF2-40B4-BE49-F238E27FC236}">
              <a16:creationId xmlns:a16="http://schemas.microsoft.com/office/drawing/2014/main" id="{42846DCE-D1B9-419D-A310-9A591769B5EF}"/>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80" name="Text Box 41">
          <a:extLst>
            <a:ext uri="{FF2B5EF4-FFF2-40B4-BE49-F238E27FC236}">
              <a16:creationId xmlns:a16="http://schemas.microsoft.com/office/drawing/2014/main" id="{32AB86A4-C565-4894-AF9F-5CF0F6BAD624}"/>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2</xdr:row>
      <xdr:rowOff>0</xdr:rowOff>
    </xdr:from>
    <xdr:to>
      <xdr:col>6</xdr:col>
      <xdr:colOff>171450</xdr:colOff>
      <xdr:row>2</xdr:row>
      <xdr:rowOff>0</xdr:rowOff>
    </xdr:to>
    <xdr:sp macro="" textlink="">
      <xdr:nvSpPr>
        <xdr:cNvPr id="81" name="Text Box 42">
          <a:extLst>
            <a:ext uri="{FF2B5EF4-FFF2-40B4-BE49-F238E27FC236}">
              <a16:creationId xmlns:a16="http://schemas.microsoft.com/office/drawing/2014/main" id="{D80DC463-4526-4FA1-BA01-DA6EB1E04083}"/>
            </a:ext>
          </a:extLst>
        </xdr:cNvPr>
        <xdr:cNvSpPr>
          <a:spLocks noChangeArrowheads="1"/>
        </xdr:cNvSpPr>
      </xdr:nvSpPr>
      <xdr:spPr bwMode="auto">
        <a:xfrm>
          <a:off x="10144125" y="514350"/>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2</xdr:row>
      <xdr:rowOff>0</xdr:rowOff>
    </xdr:from>
    <xdr:to>
      <xdr:col>10</xdr:col>
      <xdr:colOff>114300</xdr:colOff>
      <xdr:row>2</xdr:row>
      <xdr:rowOff>0</xdr:rowOff>
    </xdr:to>
    <xdr:sp macro="" textlink="">
      <xdr:nvSpPr>
        <xdr:cNvPr id="82" name="Text Box 43">
          <a:extLst>
            <a:ext uri="{FF2B5EF4-FFF2-40B4-BE49-F238E27FC236}">
              <a16:creationId xmlns:a16="http://schemas.microsoft.com/office/drawing/2014/main" id="{2DD07DE1-87B8-42EF-948F-C64799C5A8A9}"/>
            </a:ext>
          </a:extLst>
        </xdr:cNvPr>
        <xdr:cNvSpPr>
          <a:spLocks noChangeArrowheads="1"/>
        </xdr:cNvSpPr>
      </xdr:nvSpPr>
      <xdr:spPr bwMode="auto">
        <a:xfrm>
          <a:off x="14297025" y="514350"/>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2</xdr:row>
      <xdr:rowOff>0</xdr:rowOff>
    </xdr:from>
    <xdr:to>
      <xdr:col>4</xdr:col>
      <xdr:colOff>850900</xdr:colOff>
      <xdr:row>2</xdr:row>
      <xdr:rowOff>0</xdr:rowOff>
    </xdr:to>
    <xdr:sp macro="" textlink="">
      <xdr:nvSpPr>
        <xdr:cNvPr id="83" name="Text Box 44">
          <a:extLst>
            <a:ext uri="{FF2B5EF4-FFF2-40B4-BE49-F238E27FC236}">
              <a16:creationId xmlns:a16="http://schemas.microsoft.com/office/drawing/2014/main" id="{810BC731-D12C-46A6-A3C3-3EB9D2EA7998}"/>
            </a:ext>
          </a:extLst>
        </xdr:cNvPr>
        <xdr:cNvSpPr>
          <a:spLocks noChangeArrowheads="1"/>
        </xdr:cNvSpPr>
      </xdr:nvSpPr>
      <xdr:spPr bwMode="auto">
        <a:xfrm>
          <a:off x="6534150" y="514350"/>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2</xdr:row>
      <xdr:rowOff>0</xdr:rowOff>
    </xdr:from>
    <xdr:to>
      <xdr:col>1</xdr:col>
      <xdr:colOff>571500</xdr:colOff>
      <xdr:row>2</xdr:row>
      <xdr:rowOff>0</xdr:rowOff>
    </xdr:to>
    <xdr:sp macro="" textlink="">
      <xdr:nvSpPr>
        <xdr:cNvPr id="84" name="Text Box 45">
          <a:extLst>
            <a:ext uri="{FF2B5EF4-FFF2-40B4-BE49-F238E27FC236}">
              <a16:creationId xmlns:a16="http://schemas.microsoft.com/office/drawing/2014/main" id="{03613303-3BCE-41B9-BC53-0DB586BD678E}"/>
            </a:ext>
          </a:extLst>
        </xdr:cNvPr>
        <xdr:cNvSpPr>
          <a:spLocks noChangeArrowheads="1"/>
        </xdr:cNvSpPr>
      </xdr:nvSpPr>
      <xdr:spPr bwMode="auto">
        <a:xfrm>
          <a:off x="52387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85" name="Text Box 46">
          <a:extLst>
            <a:ext uri="{FF2B5EF4-FFF2-40B4-BE49-F238E27FC236}">
              <a16:creationId xmlns:a16="http://schemas.microsoft.com/office/drawing/2014/main" id="{8B48072C-4E25-4307-A8C3-EFD790565F45}"/>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86" name="Text Box 47">
          <a:extLst>
            <a:ext uri="{FF2B5EF4-FFF2-40B4-BE49-F238E27FC236}">
              <a16:creationId xmlns:a16="http://schemas.microsoft.com/office/drawing/2014/main" id="{50369754-6ABB-4C2F-BB9F-3326E7F7887D}"/>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2</xdr:row>
      <xdr:rowOff>0</xdr:rowOff>
    </xdr:from>
    <xdr:to>
      <xdr:col>4</xdr:col>
      <xdr:colOff>882650</xdr:colOff>
      <xdr:row>2</xdr:row>
      <xdr:rowOff>0</xdr:rowOff>
    </xdr:to>
    <xdr:sp macro="" textlink="">
      <xdr:nvSpPr>
        <xdr:cNvPr id="87" name="Text Box 48">
          <a:extLst>
            <a:ext uri="{FF2B5EF4-FFF2-40B4-BE49-F238E27FC236}">
              <a16:creationId xmlns:a16="http://schemas.microsoft.com/office/drawing/2014/main" id="{3A5E8893-F7A8-409F-B351-18F4C5BCE57D}"/>
            </a:ext>
          </a:extLst>
        </xdr:cNvPr>
        <xdr:cNvSpPr>
          <a:spLocks noChangeArrowheads="1"/>
        </xdr:cNvSpPr>
      </xdr:nvSpPr>
      <xdr:spPr bwMode="auto">
        <a:xfrm>
          <a:off x="6562725" y="514350"/>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88" name="Text Box 49">
          <a:extLst>
            <a:ext uri="{FF2B5EF4-FFF2-40B4-BE49-F238E27FC236}">
              <a16:creationId xmlns:a16="http://schemas.microsoft.com/office/drawing/2014/main" id="{838A552C-7E78-4ADF-B08A-E26990B929AD}"/>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2</xdr:row>
      <xdr:rowOff>0</xdr:rowOff>
    </xdr:from>
    <xdr:to>
      <xdr:col>0</xdr:col>
      <xdr:colOff>63500</xdr:colOff>
      <xdr:row>2</xdr:row>
      <xdr:rowOff>0</xdr:rowOff>
    </xdr:to>
    <xdr:sp macro="" textlink="">
      <xdr:nvSpPr>
        <xdr:cNvPr id="89" name="Text Box 50">
          <a:extLst>
            <a:ext uri="{FF2B5EF4-FFF2-40B4-BE49-F238E27FC236}">
              <a16:creationId xmlns:a16="http://schemas.microsoft.com/office/drawing/2014/main" id="{C06648E8-0844-46BA-A32C-DD40AA1365CD}"/>
            </a:ext>
          </a:extLst>
        </xdr:cNvPr>
        <xdr:cNvSpPr>
          <a:spLocks noChangeArrowheads="1"/>
        </xdr:cNvSpPr>
      </xdr:nvSpPr>
      <xdr:spPr bwMode="auto">
        <a:xfrm>
          <a:off x="9525" y="514350"/>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30</xdr:row>
      <xdr:rowOff>0</xdr:rowOff>
    </xdr:from>
    <xdr:to>
      <xdr:col>0</xdr:col>
      <xdr:colOff>63500</xdr:colOff>
      <xdr:row>30</xdr:row>
      <xdr:rowOff>0</xdr:rowOff>
    </xdr:to>
    <xdr:sp macro="" textlink="">
      <xdr:nvSpPr>
        <xdr:cNvPr id="90" name="Text Box 52">
          <a:extLst>
            <a:ext uri="{FF2B5EF4-FFF2-40B4-BE49-F238E27FC236}">
              <a16:creationId xmlns:a16="http://schemas.microsoft.com/office/drawing/2014/main" id="{97A3B0B2-6981-4AED-BC18-EE25910F3571}"/>
            </a:ext>
          </a:extLst>
        </xdr:cNvPr>
        <xdr:cNvSpPr>
          <a:spLocks noChangeArrowheads="1"/>
        </xdr:cNvSpPr>
      </xdr:nvSpPr>
      <xdr:spPr bwMode="auto">
        <a:xfrm>
          <a:off x="9525" y="822007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91" name="Text Box 53">
          <a:extLst>
            <a:ext uri="{FF2B5EF4-FFF2-40B4-BE49-F238E27FC236}">
              <a16:creationId xmlns:a16="http://schemas.microsoft.com/office/drawing/2014/main" id="{EBDDC006-3A3A-4E1C-BAED-08EC0F95E34E}"/>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92" name="Text Box 54">
          <a:extLst>
            <a:ext uri="{FF2B5EF4-FFF2-40B4-BE49-F238E27FC236}">
              <a16:creationId xmlns:a16="http://schemas.microsoft.com/office/drawing/2014/main" id="{7CBD20D5-7005-48FF-B0D6-ABCA03A111E6}"/>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5</xdr:col>
      <xdr:colOff>1162050</xdr:colOff>
      <xdr:row>40</xdr:row>
      <xdr:rowOff>0</xdr:rowOff>
    </xdr:from>
    <xdr:to>
      <xdr:col>6</xdr:col>
      <xdr:colOff>171450</xdr:colOff>
      <xdr:row>40</xdr:row>
      <xdr:rowOff>0</xdr:rowOff>
    </xdr:to>
    <xdr:sp macro="" textlink="">
      <xdr:nvSpPr>
        <xdr:cNvPr id="93" name="Text Box 55">
          <a:extLst>
            <a:ext uri="{FF2B5EF4-FFF2-40B4-BE49-F238E27FC236}">
              <a16:creationId xmlns:a16="http://schemas.microsoft.com/office/drawing/2014/main" id="{8F35A260-7367-423E-B8C5-BC91ED2B647C}"/>
            </a:ext>
          </a:extLst>
        </xdr:cNvPr>
        <xdr:cNvSpPr>
          <a:spLocks noChangeArrowheads="1"/>
        </xdr:cNvSpPr>
      </xdr:nvSpPr>
      <xdr:spPr bwMode="auto">
        <a:xfrm>
          <a:off x="10144125" y="10791825"/>
          <a:ext cx="1943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9</xdr:col>
      <xdr:colOff>63500</xdr:colOff>
      <xdr:row>40</xdr:row>
      <xdr:rowOff>0</xdr:rowOff>
    </xdr:from>
    <xdr:to>
      <xdr:col>10</xdr:col>
      <xdr:colOff>114300</xdr:colOff>
      <xdr:row>40</xdr:row>
      <xdr:rowOff>0</xdr:rowOff>
    </xdr:to>
    <xdr:sp macro="" textlink="">
      <xdr:nvSpPr>
        <xdr:cNvPr id="94" name="Text Box 56">
          <a:extLst>
            <a:ext uri="{FF2B5EF4-FFF2-40B4-BE49-F238E27FC236}">
              <a16:creationId xmlns:a16="http://schemas.microsoft.com/office/drawing/2014/main" id="{0EF4E914-73AD-4338-AEA2-099BBAFC62DA}"/>
            </a:ext>
          </a:extLst>
        </xdr:cNvPr>
        <xdr:cNvSpPr>
          <a:spLocks noChangeArrowheads="1"/>
        </xdr:cNvSpPr>
      </xdr:nvSpPr>
      <xdr:spPr bwMode="auto">
        <a:xfrm>
          <a:off x="14297025" y="10791825"/>
          <a:ext cx="41910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47700</xdr:colOff>
      <xdr:row>40</xdr:row>
      <xdr:rowOff>0</xdr:rowOff>
    </xdr:from>
    <xdr:to>
      <xdr:col>4</xdr:col>
      <xdr:colOff>850900</xdr:colOff>
      <xdr:row>40</xdr:row>
      <xdr:rowOff>0</xdr:rowOff>
    </xdr:to>
    <xdr:sp macro="" textlink="">
      <xdr:nvSpPr>
        <xdr:cNvPr id="95" name="Text Box 57">
          <a:extLst>
            <a:ext uri="{FF2B5EF4-FFF2-40B4-BE49-F238E27FC236}">
              <a16:creationId xmlns:a16="http://schemas.microsoft.com/office/drawing/2014/main" id="{480944D8-7DBF-4AB8-B6B7-21990C20936B}"/>
            </a:ext>
          </a:extLst>
        </xdr:cNvPr>
        <xdr:cNvSpPr>
          <a:spLocks noChangeArrowheads="1"/>
        </xdr:cNvSpPr>
      </xdr:nvSpPr>
      <xdr:spPr bwMode="auto">
        <a:xfrm>
          <a:off x="6534150" y="10791825"/>
          <a:ext cx="200025"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361950</xdr:colOff>
      <xdr:row>40</xdr:row>
      <xdr:rowOff>0</xdr:rowOff>
    </xdr:from>
    <xdr:to>
      <xdr:col>1</xdr:col>
      <xdr:colOff>571500</xdr:colOff>
      <xdr:row>40</xdr:row>
      <xdr:rowOff>0</xdr:rowOff>
    </xdr:to>
    <xdr:sp macro="" textlink="">
      <xdr:nvSpPr>
        <xdr:cNvPr id="96" name="Text Box 58">
          <a:extLst>
            <a:ext uri="{FF2B5EF4-FFF2-40B4-BE49-F238E27FC236}">
              <a16:creationId xmlns:a16="http://schemas.microsoft.com/office/drawing/2014/main" id="{BA83BE23-DBDF-4780-A619-9482EF5FEABE}"/>
            </a:ext>
          </a:extLst>
        </xdr:cNvPr>
        <xdr:cNvSpPr>
          <a:spLocks noChangeArrowheads="1"/>
        </xdr:cNvSpPr>
      </xdr:nvSpPr>
      <xdr:spPr bwMode="auto">
        <a:xfrm>
          <a:off x="52387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97" name="Text Box 59">
          <a:extLst>
            <a:ext uri="{FF2B5EF4-FFF2-40B4-BE49-F238E27FC236}">
              <a16:creationId xmlns:a16="http://schemas.microsoft.com/office/drawing/2014/main" id="{F5B46767-536B-4BF5-844E-02CB7CBAE9C3}"/>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98" name="Text Box 60">
          <a:extLst>
            <a:ext uri="{FF2B5EF4-FFF2-40B4-BE49-F238E27FC236}">
              <a16:creationId xmlns:a16="http://schemas.microsoft.com/office/drawing/2014/main" id="{5C95A74C-F1C5-4871-A338-D583415FD845}"/>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4</xdr:col>
      <xdr:colOff>679450</xdr:colOff>
      <xdr:row>40</xdr:row>
      <xdr:rowOff>0</xdr:rowOff>
    </xdr:from>
    <xdr:to>
      <xdr:col>4</xdr:col>
      <xdr:colOff>882650</xdr:colOff>
      <xdr:row>40</xdr:row>
      <xdr:rowOff>0</xdr:rowOff>
    </xdr:to>
    <xdr:sp macro="" textlink="">
      <xdr:nvSpPr>
        <xdr:cNvPr id="99" name="Text Box 61">
          <a:extLst>
            <a:ext uri="{FF2B5EF4-FFF2-40B4-BE49-F238E27FC236}">
              <a16:creationId xmlns:a16="http://schemas.microsoft.com/office/drawing/2014/main" id="{B4100455-D4AB-4E2D-B86C-7523047A0AD2}"/>
            </a:ext>
          </a:extLst>
        </xdr:cNvPr>
        <xdr:cNvSpPr>
          <a:spLocks noChangeArrowheads="1"/>
        </xdr:cNvSpPr>
      </xdr:nvSpPr>
      <xdr:spPr bwMode="auto">
        <a:xfrm>
          <a:off x="6562725" y="10791825"/>
          <a:ext cx="2095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0</xdr:col>
      <xdr:colOff>6350</xdr:colOff>
      <xdr:row>40</xdr:row>
      <xdr:rowOff>0</xdr:rowOff>
    </xdr:from>
    <xdr:to>
      <xdr:col>0</xdr:col>
      <xdr:colOff>63500</xdr:colOff>
      <xdr:row>40</xdr:row>
      <xdr:rowOff>0</xdr:rowOff>
    </xdr:to>
    <xdr:sp macro="" textlink="">
      <xdr:nvSpPr>
        <xdr:cNvPr id="100" name="Text Box 62">
          <a:extLst>
            <a:ext uri="{FF2B5EF4-FFF2-40B4-BE49-F238E27FC236}">
              <a16:creationId xmlns:a16="http://schemas.microsoft.com/office/drawing/2014/main" id="{9F8140FB-F8E3-46AB-BB8A-5AB44CBEF02E}"/>
            </a:ext>
          </a:extLst>
        </xdr:cNvPr>
        <xdr:cNvSpPr>
          <a:spLocks noChangeArrowheads="1"/>
        </xdr:cNvSpPr>
      </xdr:nvSpPr>
      <xdr:spPr bwMode="auto">
        <a:xfrm>
          <a:off x="9525" y="10791825"/>
          <a:ext cx="57150" cy="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削除）</a:t>
          </a:r>
        </a:p>
      </xdr:txBody>
    </xdr:sp>
    <xdr:clientData/>
  </xdr:twoCellAnchor>
  <xdr:twoCellAnchor>
    <xdr:from>
      <xdr:col>1</xdr:col>
      <xdr:colOff>685800</xdr:colOff>
      <xdr:row>26</xdr:row>
      <xdr:rowOff>146050</xdr:rowOff>
    </xdr:from>
    <xdr:to>
      <xdr:col>5</xdr:col>
      <xdr:colOff>1930400</xdr:colOff>
      <xdr:row>33</xdr:row>
      <xdr:rowOff>107950</xdr:rowOff>
    </xdr:to>
    <xdr:sp macro="" textlink="" fLocksText="0">
      <xdr:nvSpPr>
        <xdr:cNvPr id="101" name="Rectangle 63">
          <a:extLst>
            <a:ext uri="{FF2B5EF4-FFF2-40B4-BE49-F238E27FC236}">
              <a16:creationId xmlns:a16="http://schemas.microsoft.com/office/drawing/2014/main" id="{7CCACF3B-AAEA-4D40-AABB-5E2C55B43257}"/>
            </a:ext>
          </a:extLst>
        </xdr:cNvPr>
        <xdr:cNvSpPr>
          <a:spLocks noChangeArrowheads="1"/>
        </xdr:cNvSpPr>
      </xdr:nvSpPr>
      <xdr:spPr bwMode="auto">
        <a:xfrm>
          <a:off x="847725" y="7334250"/>
          <a:ext cx="10067925" cy="17621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68F5F9-08FD-4F55-A826-D42ADCAE87A4}">
  <sheetPr>
    <pageSetUpPr fitToPage="1"/>
  </sheetPr>
  <dimension ref="A2:AF18"/>
  <sheetViews>
    <sheetView tabSelected="1" view="pageBreakPreview" zoomScale="70" zoomScaleNormal="100" zoomScaleSheetLayoutView="70" workbookViewId="0">
      <selection activeCell="C16" sqref="C16"/>
    </sheetView>
  </sheetViews>
  <sheetFormatPr defaultColWidth="9" defaultRowHeight="14.5"/>
  <cols>
    <col min="1" max="2" width="4.26953125" style="4" customWidth="1"/>
    <col min="3" max="3" width="25" style="2" customWidth="1"/>
    <col min="4" max="4" width="4.90625" style="2" customWidth="1"/>
    <col min="5" max="5" width="41.6328125" style="2" customWidth="1"/>
    <col min="6" max="6" width="4.90625" style="2" customWidth="1"/>
    <col min="7" max="7" width="19.6328125" style="2" customWidth="1"/>
    <col min="8" max="8" width="33.90625" style="2" customWidth="1"/>
    <col min="9" max="24" width="5.26953125" style="2" customWidth="1"/>
    <col min="25" max="32" width="4.90625" style="2" customWidth="1"/>
    <col min="33" max="33" width="13.36328125" style="2" bestFit="1" customWidth="1"/>
    <col min="34" max="256" width="9" style="2"/>
    <col min="257" max="258" width="4.26953125" style="2" customWidth="1"/>
    <col min="259" max="259" width="25" style="2" customWidth="1"/>
    <col min="260" max="260" width="4.90625" style="2" customWidth="1"/>
    <col min="261" max="261" width="41.6328125" style="2" customWidth="1"/>
    <col min="262" max="262" width="4.90625" style="2" customWidth="1"/>
    <col min="263" max="263" width="19.6328125" style="2" customWidth="1"/>
    <col min="264" max="264" width="33.90625" style="2" customWidth="1"/>
    <col min="265" max="280" width="5.26953125" style="2" customWidth="1"/>
    <col min="281" max="288" width="4.90625" style="2" customWidth="1"/>
    <col min="289" max="289" width="13.36328125" style="2" bestFit="1" customWidth="1"/>
    <col min="290" max="512" width="9" style="2"/>
    <col min="513" max="514" width="4.26953125" style="2" customWidth="1"/>
    <col min="515" max="515" width="25" style="2" customWidth="1"/>
    <col min="516" max="516" width="4.90625" style="2" customWidth="1"/>
    <col min="517" max="517" width="41.6328125" style="2" customWidth="1"/>
    <col min="518" max="518" width="4.90625" style="2" customWidth="1"/>
    <col min="519" max="519" width="19.6328125" style="2" customWidth="1"/>
    <col min="520" max="520" width="33.90625" style="2" customWidth="1"/>
    <col min="521" max="536" width="5.26953125" style="2" customWidth="1"/>
    <col min="537" max="544" width="4.90625" style="2" customWidth="1"/>
    <col min="545" max="545" width="13.36328125" style="2" bestFit="1" customWidth="1"/>
    <col min="546" max="768" width="9" style="2"/>
    <col min="769" max="770" width="4.26953125" style="2" customWidth="1"/>
    <col min="771" max="771" width="25" style="2" customWidth="1"/>
    <col min="772" max="772" width="4.90625" style="2" customWidth="1"/>
    <col min="773" max="773" width="41.6328125" style="2" customWidth="1"/>
    <col min="774" max="774" width="4.90625" style="2" customWidth="1"/>
    <col min="775" max="775" width="19.6328125" style="2" customWidth="1"/>
    <col min="776" max="776" width="33.90625" style="2" customWidth="1"/>
    <col min="777" max="792" width="5.26953125" style="2" customWidth="1"/>
    <col min="793" max="800" width="4.90625" style="2" customWidth="1"/>
    <col min="801" max="801" width="13.36328125" style="2" bestFit="1" customWidth="1"/>
    <col min="802" max="1024" width="9" style="2"/>
    <col min="1025" max="1026" width="4.26953125" style="2" customWidth="1"/>
    <col min="1027" max="1027" width="25" style="2" customWidth="1"/>
    <col min="1028" max="1028" width="4.90625" style="2" customWidth="1"/>
    <col min="1029" max="1029" width="41.6328125" style="2" customWidth="1"/>
    <col min="1030" max="1030" width="4.90625" style="2" customWidth="1"/>
    <col min="1031" max="1031" width="19.6328125" style="2" customWidth="1"/>
    <col min="1032" max="1032" width="33.90625" style="2" customWidth="1"/>
    <col min="1033" max="1048" width="5.26953125" style="2" customWidth="1"/>
    <col min="1049" max="1056" width="4.90625" style="2" customWidth="1"/>
    <col min="1057" max="1057" width="13.36328125" style="2" bestFit="1" customWidth="1"/>
    <col min="1058" max="1280" width="9" style="2"/>
    <col min="1281" max="1282" width="4.26953125" style="2" customWidth="1"/>
    <col min="1283" max="1283" width="25" style="2" customWidth="1"/>
    <col min="1284" max="1284" width="4.90625" style="2" customWidth="1"/>
    <col min="1285" max="1285" width="41.6328125" style="2" customWidth="1"/>
    <col min="1286" max="1286" width="4.90625" style="2" customWidth="1"/>
    <col min="1287" max="1287" width="19.6328125" style="2" customWidth="1"/>
    <col min="1288" max="1288" width="33.90625" style="2" customWidth="1"/>
    <col min="1289" max="1304" width="5.26953125" style="2" customWidth="1"/>
    <col min="1305" max="1312" width="4.90625" style="2" customWidth="1"/>
    <col min="1313" max="1313" width="13.36328125" style="2" bestFit="1" customWidth="1"/>
    <col min="1314" max="1536" width="9" style="2"/>
    <col min="1537" max="1538" width="4.26953125" style="2" customWidth="1"/>
    <col min="1539" max="1539" width="25" style="2" customWidth="1"/>
    <col min="1540" max="1540" width="4.90625" style="2" customWidth="1"/>
    <col min="1541" max="1541" width="41.6328125" style="2" customWidth="1"/>
    <col min="1542" max="1542" width="4.90625" style="2" customWidth="1"/>
    <col min="1543" max="1543" width="19.6328125" style="2" customWidth="1"/>
    <col min="1544" max="1544" width="33.90625" style="2" customWidth="1"/>
    <col min="1545" max="1560" width="5.26953125" style="2" customWidth="1"/>
    <col min="1561" max="1568" width="4.90625" style="2" customWidth="1"/>
    <col min="1569" max="1569" width="13.36328125" style="2" bestFit="1" customWidth="1"/>
    <col min="1570" max="1792" width="9" style="2"/>
    <col min="1793" max="1794" width="4.26953125" style="2" customWidth="1"/>
    <col min="1795" max="1795" width="25" style="2" customWidth="1"/>
    <col min="1796" max="1796" width="4.90625" style="2" customWidth="1"/>
    <col min="1797" max="1797" width="41.6328125" style="2" customWidth="1"/>
    <col min="1798" max="1798" width="4.90625" style="2" customWidth="1"/>
    <col min="1799" max="1799" width="19.6328125" style="2" customWidth="1"/>
    <col min="1800" max="1800" width="33.90625" style="2" customWidth="1"/>
    <col min="1801" max="1816" width="5.26953125" style="2" customWidth="1"/>
    <col min="1817" max="1824" width="4.90625" style="2" customWidth="1"/>
    <col min="1825" max="1825" width="13.36328125" style="2" bestFit="1" customWidth="1"/>
    <col min="1826" max="2048" width="9" style="2"/>
    <col min="2049" max="2050" width="4.26953125" style="2" customWidth="1"/>
    <col min="2051" max="2051" width="25" style="2" customWidth="1"/>
    <col min="2052" max="2052" width="4.90625" style="2" customWidth="1"/>
    <col min="2053" max="2053" width="41.6328125" style="2" customWidth="1"/>
    <col min="2054" max="2054" width="4.90625" style="2" customWidth="1"/>
    <col min="2055" max="2055" width="19.6328125" style="2" customWidth="1"/>
    <col min="2056" max="2056" width="33.90625" style="2" customWidth="1"/>
    <col min="2057" max="2072" width="5.26953125" style="2" customWidth="1"/>
    <col min="2073" max="2080" width="4.90625" style="2" customWidth="1"/>
    <col min="2081" max="2081" width="13.36328125" style="2" bestFit="1" customWidth="1"/>
    <col min="2082" max="2304" width="9" style="2"/>
    <col min="2305" max="2306" width="4.26953125" style="2" customWidth="1"/>
    <col min="2307" max="2307" width="25" style="2" customWidth="1"/>
    <col min="2308" max="2308" width="4.90625" style="2" customWidth="1"/>
    <col min="2309" max="2309" width="41.6328125" style="2" customWidth="1"/>
    <col min="2310" max="2310" width="4.90625" style="2" customWidth="1"/>
    <col min="2311" max="2311" width="19.6328125" style="2" customWidth="1"/>
    <col min="2312" max="2312" width="33.90625" style="2" customWidth="1"/>
    <col min="2313" max="2328" width="5.26953125" style="2" customWidth="1"/>
    <col min="2329" max="2336" width="4.90625" style="2" customWidth="1"/>
    <col min="2337" max="2337" width="13.36328125" style="2" bestFit="1" customWidth="1"/>
    <col min="2338" max="2560" width="9" style="2"/>
    <col min="2561" max="2562" width="4.26953125" style="2" customWidth="1"/>
    <col min="2563" max="2563" width="25" style="2" customWidth="1"/>
    <col min="2564" max="2564" width="4.90625" style="2" customWidth="1"/>
    <col min="2565" max="2565" width="41.6328125" style="2" customWidth="1"/>
    <col min="2566" max="2566" width="4.90625" style="2" customWidth="1"/>
    <col min="2567" max="2567" width="19.6328125" style="2" customWidth="1"/>
    <col min="2568" max="2568" width="33.90625" style="2" customWidth="1"/>
    <col min="2569" max="2584" width="5.26953125" style="2" customWidth="1"/>
    <col min="2585" max="2592" width="4.90625" style="2" customWidth="1"/>
    <col min="2593" max="2593" width="13.36328125" style="2" bestFit="1" customWidth="1"/>
    <col min="2594" max="2816" width="9" style="2"/>
    <col min="2817" max="2818" width="4.26953125" style="2" customWidth="1"/>
    <col min="2819" max="2819" width="25" style="2" customWidth="1"/>
    <col min="2820" max="2820" width="4.90625" style="2" customWidth="1"/>
    <col min="2821" max="2821" width="41.6328125" style="2" customWidth="1"/>
    <col min="2822" max="2822" width="4.90625" style="2" customWidth="1"/>
    <col min="2823" max="2823" width="19.6328125" style="2" customWidth="1"/>
    <col min="2824" max="2824" width="33.90625" style="2" customWidth="1"/>
    <col min="2825" max="2840" width="5.26953125" style="2" customWidth="1"/>
    <col min="2841" max="2848" width="4.90625" style="2" customWidth="1"/>
    <col min="2849" max="2849" width="13.36328125" style="2" bestFit="1" customWidth="1"/>
    <col min="2850" max="3072" width="9" style="2"/>
    <col min="3073" max="3074" width="4.26953125" style="2" customWidth="1"/>
    <col min="3075" max="3075" width="25" style="2" customWidth="1"/>
    <col min="3076" max="3076" width="4.90625" style="2" customWidth="1"/>
    <col min="3077" max="3077" width="41.6328125" style="2" customWidth="1"/>
    <col min="3078" max="3078" width="4.90625" style="2" customWidth="1"/>
    <col min="3079" max="3079" width="19.6328125" style="2" customWidth="1"/>
    <col min="3080" max="3080" width="33.90625" style="2" customWidth="1"/>
    <col min="3081" max="3096" width="5.26953125" style="2" customWidth="1"/>
    <col min="3097" max="3104" width="4.90625" style="2" customWidth="1"/>
    <col min="3105" max="3105" width="13.36328125" style="2" bestFit="1" customWidth="1"/>
    <col min="3106" max="3328" width="9" style="2"/>
    <col min="3329" max="3330" width="4.26953125" style="2" customWidth="1"/>
    <col min="3331" max="3331" width="25" style="2" customWidth="1"/>
    <col min="3332" max="3332" width="4.90625" style="2" customWidth="1"/>
    <col min="3333" max="3333" width="41.6328125" style="2" customWidth="1"/>
    <col min="3334" max="3334" width="4.90625" style="2" customWidth="1"/>
    <col min="3335" max="3335" width="19.6328125" style="2" customWidth="1"/>
    <col min="3336" max="3336" width="33.90625" style="2" customWidth="1"/>
    <col min="3337" max="3352" width="5.26953125" style="2" customWidth="1"/>
    <col min="3353" max="3360" width="4.90625" style="2" customWidth="1"/>
    <col min="3361" max="3361" width="13.36328125" style="2" bestFit="1" customWidth="1"/>
    <col min="3362" max="3584" width="9" style="2"/>
    <col min="3585" max="3586" width="4.26953125" style="2" customWidth="1"/>
    <col min="3587" max="3587" width="25" style="2" customWidth="1"/>
    <col min="3588" max="3588" width="4.90625" style="2" customWidth="1"/>
    <col min="3589" max="3589" width="41.6328125" style="2" customWidth="1"/>
    <col min="3590" max="3590" width="4.90625" style="2" customWidth="1"/>
    <col min="3591" max="3591" width="19.6328125" style="2" customWidth="1"/>
    <col min="3592" max="3592" width="33.90625" style="2" customWidth="1"/>
    <col min="3593" max="3608" width="5.26953125" style="2" customWidth="1"/>
    <col min="3609" max="3616" width="4.90625" style="2" customWidth="1"/>
    <col min="3617" max="3617" width="13.36328125" style="2" bestFit="1" customWidth="1"/>
    <col min="3618" max="3840" width="9" style="2"/>
    <col min="3841" max="3842" width="4.26953125" style="2" customWidth="1"/>
    <col min="3843" max="3843" width="25" style="2" customWidth="1"/>
    <col min="3844" max="3844" width="4.90625" style="2" customWidth="1"/>
    <col min="3845" max="3845" width="41.6328125" style="2" customWidth="1"/>
    <col min="3846" max="3846" width="4.90625" style="2" customWidth="1"/>
    <col min="3847" max="3847" width="19.6328125" style="2" customWidth="1"/>
    <col min="3848" max="3848" width="33.90625" style="2" customWidth="1"/>
    <col min="3849" max="3864" width="5.26953125" style="2" customWidth="1"/>
    <col min="3865" max="3872" width="4.90625" style="2" customWidth="1"/>
    <col min="3873" max="3873" width="13.36328125" style="2" bestFit="1" customWidth="1"/>
    <col min="3874" max="4096" width="9" style="2"/>
    <col min="4097" max="4098" width="4.26953125" style="2" customWidth="1"/>
    <col min="4099" max="4099" width="25" style="2" customWidth="1"/>
    <col min="4100" max="4100" width="4.90625" style="2" customWidth="1"/>
    <col min="4101" max="4101" width="41.6328125" style="2" customWidth="1"/>
    <col min="4102" max="4102" width="4.90625" style="2" customWidth="1"/>
    <col min="4103" max="4103" width="19.6328125" style="2" customWidth="1"/>
    <col min="4104" max="4104" width="33.90625" style="2" customWidth="1"/>
    <col min="4105" max="4120" width="5.26953125" style="2" customWidth="1"/>
    <col min="4121" max="4128" width="4.90625" style="2" customWidth="1"/>
    <col min="4129" max="4129" width="13.36328125" style="2" bestFit="1" customWidth="1"/>
    <col min="4130" max="4352" width="9" style="2"/>
    <col min="4353" max="4354" width="4.26953125" style="2" customWidth="1"/>
    <col min="4355" max="4355" width="25" style="2" customWidth="1"/>
    <col min="4356" max="4356" width="4.90625" style="2" customWidth="1"/>
    <col min="4357" max="4357" width="41.6328125" style="2" customWidth="1"/>
    <col min="4358" max="4358" width="4.90625" style="2" customWidth="1"/>
    <col min="4359" max="4359" width="19.6328125" style="2" customWidth="1"/>
    <col min="4360" max="4360" width="33.90625" style="2" customWidth="1"/>
    <col min="4361" max="4376" width="5.26953125" style="2" customWidth="1"/>
    <col min="4377" max="4384" width="4.90625" style="2" customWidth="1"/>
    <col min="4385" max="4385" width="13.36328125" style="2" bestFit="1" customWidth="1"/>
    <col min="4386" max="4608" width="9" style="2"/>
    <col min="4609" max="4610" width="4.26953125" style="2" customWidth="1"/>
    <col min="4611" max="4611" width="25" style="2" customWidth="1"/>
    <col min="4612" max="4612" width="4.90625" style="2" customWidth="1"/>
    <col min="4613" max="4613" width="41.6328125" style="2" customWidth="1"/>
    <col min="4614" max="4614" width="4.90625" style="2" customWidth="1"/>
    <col min="4615" max="4615" width="19.6328125" style="2" customWidth="1"/>
    <col min="4616" max="4616" width="33.90625" style="2" customWidth="1"/>
    <col min="4617" max="4632" width="5.26953125" style="2" customWidth="1"/>
    <col min="4633" max="4640" width="4.90625" style="2" customWidth="1"/>
    <col min="4641" max="4641" width="13.36328125" style="2" bestFit="1" customWidth="1"/>
    <col min="4642" max="4864" width="9" style="2"/>
    <col min="4865" max="4866" width="4.26953125" style="2" customWidth="1"/>
    <col min="4867" max="4867" width="25" style="2" customWidth="1"/>
    <col min="4868" max="4868" width="4.90625" style="2" customWidth="1"/>
    <col min="4869" max="4869" width="41.6328125" style="2" customWidth="1"/>
    <col min="4870" max="4870" width="4.90625" style="2" customWidth="1"/>
    <col min="4871" max="4871" width="19.6328125" style="2" customWidth="1"/>
    <col min="4872" max="4872" width="33.90625" style="2" customWidth="1"/>
    <col min="4873" max="4888" width="5.26953125" style="2" customWidth="1"/>
    <col min="4889" max="4896" width="4.90625" style="2" customWidth="1"/>
    <col min="4897" max="4897" width="13.36328125" style="2" bestFit="1" customWidth="1"/>
    <col min="4898" max="5120" width="9" style="2"/>
    <col min="5121" max="5122" width="4.26953125" style="2" customWidth="1"/>
    <col min="5123" max="5123" width="25" style="2" customWidth="1"/>
    <col min="5124" max="5124" width="4.90625" style="2" customWidth="1"/>
    <col min="5125" max="5125" width="41.6328125" style="2" customWidth="1"/>
    <col min="5126" max="5126" width="4.90625" style="2" customWidth="1"/>
    <col min="5127" max="5127" width="19.6328125" style="2" customWidth="1"/>
    <col min="5128" max="5128" width="33.90625" style="2" customWidth="1"/>
    <col min="5129" max="5144" width="5.26953125" style="2" customWidth="1"/>
    <col min="5145" max="5152" width="4.90625" style="2" customWidth="1"/>
    <col min="5153" max="5153" width="13.36328125" style="2" bestFit="1" customWidth="1"/>
    <col min="5154" max="5376" width="9" style="2"/>
    <col min="5377" max="5378" width="4.26953125" style="2" customWidth="1"/>
    <col min="5379" max="5379" width="25" style="2" customWidth="1"/>
    <col min="5380" max="5380" width="4.90625" style="2" customWidth="1"/>
    <col min="5381" max="5381" width="41.6328125" style="2" customWidth="1"/>
    <col min="5382" max="5382" width="4.90625" style="2" customWidth="1"/>
    <col min="5383" max="5383" width="19.6328125" style="2" customWidth="1"/>
    <col min="5384" max="5384" width="33.90625" style="2" customWidth="1"/>
    <col min="5385" max="5400" width="5.26953125" style="2" customWidth="1"/>
    <col min="5401" max="5408" width="4.90625" style="2" customWidth="1"/>
    <col min="5409" max="5409" width="13.36328125" style="2" bestFit="1" customWidth="1"/>
    <col min="5410" max="5632" width="9" style="2"/>
    <col min="5633" max="5634" width="4.26953125" style="2" customWidth="1"/>
    <col min="5635" max="5635" width="25" style="2" customWidth="1"/>
    <col min="5636" max="5636" width="4.90625" style="2" customWidth="1"/>
    <col min="5637" max="5637" width="41.6328125" style="2" customWidth="1"/>
    <col min="5638" max="5638" width="4.90625" style="2" customWidth="1"/>
    <col min="5639" max="5639" width="19.6328125" style="2" customWidth="1"/>
    <col min="5640" max="5640" width="33.90625" style="2" customWidth="1"/>
    <col min="5641" max="5656" width="5.26953125" style="2" customWidth="1"/>
    <col min="5657" max="5664" width="4.90625" style="2" customWidth="1"/>
    <col min="5665" max="5665" width="13.36328125" style="2" bestFit="1" customWidth="1"/>
    <col min="5666" max="5888" width="9" style="2"/>
    <col min="5889" max="5890" width="4.26953125" style="2" customWidth="1"/>
    <col min="5891" max="5891" width="25" style="2" customWidth="1"/>
    <col min="5892" max="5892" width="4.90625" style="2" customWidth="1"/>
    <col min="5893" max="5893" width="41.6328125" style="2" customWidth="1"/>
    <col min="5894" max="5894" width="4.90625" style="2" customWidth="1"/>
    <col min="5895" max="5895" width="19.6328125" style="2" customWidth="1"/>
    <col min="5896" max="5896" width="33.90625" style="2" customWidth="1"/>
    <col min="5897" max="5912" width="5.26953125" style="2" customWidth="1"/>
    <col min="5913" max="5920" width="4.90625" style="2" customWidth="1"/>
    <col min="5921" max="5921" width="13.36328125" style="2" bestFit="1" customWidth="1"/>
    <col min="5922" max="6144" width="9" style="2"/>
    <col min="6145" max="6146" width="4.26953125" style="2" customWidth="1"/>
    <col min="6147" max="6147" width="25" style="2" customWidth="1"/>
    <col min="6148" max="6148" width="4.90625" style="2" customWidth="1"/>
    <col min="6149" max="6149" width="41.6328125" style="2" customWidth="1"/>
    <col min="6150" max="6150" width="4.90625" style="2" customWidth="1"/>
    <col min="6151" max="6151" width="19.6328125" style="2" customWidth="1"/>
    <col min="6152" max="6152" width="33.90625" style="2" customWidth="1"/>
    <col min="6153" max="6168" width="5.26953125" style="2" customWidth="1"/>
    <col min="6169" max="6176" width="4.90625" style="2" customWidth="1"/>
    <col min="6177" max="6177" width="13.36328125" style="2" bestFit="1" customWidth="1"/>
    <col min="6178" max="6400" width="9" style="2"/>
    <col min="6401" max="6402" width="4.26953125" style="2" customWidth="1"/>
    <col min="6403" max="6403" width="25" style="2" customWidth="1"/>
    <col min="6404" max="6404" width="4.90625" style="2" customWidth="1"/>
    <col min="6405" max="6405" width="41.6328125" style="2" customWidth="1"/>
    <col min="6406" max="6406" width="4.90625" style="2" customWidth="1"/>
    <col min="6407" max="6407" width="19.6328125" style="2" customWidth="1"/>
    <col min="6408" max="6408" width="33.90625" style="2" customWidth="1"/>
    <col min="6409" max="6424" width="5.26953125" style="2" customWidth="1"/>
    <col min="6425" max="6432" width="4.90625" style="2" customWidth="1"/>
    <col min="6433" max="6433" width="13.36328125" style="2" bestFit="1" customWidth="1"/>
    <col min="6434" max="6656" width="9" style="2"/>
    <col min="6657" max="6658" width="4.26953125" style="2" customWidth="1"/>
    <col min="6659" max="6659" width="25" style="2" customWidth="1"/>
    <col min="6660" max="6660" width="4.90625" style="2" customWidth="1"/>
    <col min="6661" max="6661" width="41.6328125" style="2" customWidth="1"/>
    <col min="6662" max="6662" width="4.90625" style="2" customWidth="1"/>
    <col min="6663" max="6663" width="19.6328125" style="2" customWidth="1"/>
    <col min="6664" max="6664" width="33.90625" style="2" customWidth="1"/>
    <col min="6665" max="6680" width="5.26953125" style="2" customWidth="1"/>
    <col min="6681" max="6688" width="4.90625" style="2" customWidth="1"/>
    <col min="6689" max="6689" width="13.36328125" style="2" bestFit="1" customWidth="1"/>
    <col min="6690" max="6912" width="9" style="2"/>
    <col min="6913" max="6914" width="4.26953125" style="2" customWidth="1"/>
    <col min="6915" max="6915" width="25" style="2" customWidth="1"/>
    <col min="6916" max="6916" width="4.90625" style="2" customWidth="1"/>
    <col min="6917" max="6917" width="41.6328125" style="2" customWidth="1"/>
    <col min="6918" max="6918" width="4.90625" style="2" customWidth="1"/>
    <col min="6919" max="6919" width="19.6328125" style="2" customWidth="1"/>
    <col min="6920" max="6920" width="33.90625" style="2" customWidth="1"/>
    <col min="6921" max="6936" width="5.26953125" style="2" customWidth="1"/>
    <col min="6937" max="6944" width="4.90625" style="2" customWidth="1"/>
    <col min="6945" max="6945" width="13.36328125" style="2" bestFit="1" customWidth="1"/>
    <col min="6946" max="7168" width="9" style="2"/>
    <col min="7169" max="7170" width="4.26953125" style="2" customWidth="1"/>
    <col min="7171" max="7171" width="25" style="2" customWidth="1"/>
    <col min="7172" max="7172" width="4.90625" style="2" customWidth="1"/>
    <col min="7173" max="7173" width="41.6328125" style="2" customWidth="1"/>
    <col min="7174" max="7174" width="4.90625" style="2" customWidth="1"/>
    <col min="7175" max="7175" width="19.6328125" style="2" customWidth="1"/>
    <col min="7176" max="7176" width="33.90625" style="2" customWidth="1"/>
    <col min="7177" max="7192" width="5.26953125" style="2" customWidth="1"/>
    <col min="7193" max="7200" width="4.90625" style="2" customWidth="1"/>
    <col min="7201" max="7201" width="13.36328125" style="2" bestFit="1" customWidth="1"/>
    <col min="7202" max="7424" width="9" style="2"/>
    <col min="7425" max="7426" width="4.26953125" style="2" customWidth="1"/>
    <col min="7427" max="7427" width="25" style="2" customWidth="1"/>
    <col min="7428" max="7428" width="4.90625" style="2" customWidth="1"/>
    <col min="7429" max="7429" width="41.6328125" style="2" customWidth="1"/>
    <col min="7430" max="7430" width="4.90625" style="2" customWidth="1"/>
    <col min="7431" max="7431" width="19.6328125" style="2" customWidth="1"/>
    <col min="7432" max="7432" width="33.90625" style="2" customWidth="1"/>
    <col min="7433" max="7448" width="5.26953125" style="2" customWidth="1"/>
    <col min="7449" max="7456" width="4.90625" style="2" customWidth="1"/>
    <col min="7457" max="7457" width="13.36328125" style="2" bestFit="1" customWidth="1"/>
    <col min="7458" max="7680" width="9" style="2"/>
    <col min="7681" max="7682" width="4.26953125" style="2" customWidth="1"/>
    <col min="7683" max="7683" width="25" style="2" customWidth="1"/>
    <col min="7684" max="7684" width="4.90625" style="2" customWidth="1"/>
    <col min="7685" max="7685" width="41.6328125" style="2" customWidth="1"/>
    <col min="7686" max="7686" width="4.90625" style="2" customWidth="1"/>
    <col min="7687" max="7687" width="19.6328125" style="2" customWidth="1"/>
    <col min="7688" max="7688" width="33.90625" style="2" customWidth="1"/>
    <col min="7689" max="7704" width="5.26953125" style="2" customWidth="1"/>
    <col min="7705" max="7712" width="4.90625" style="2" customWidth="1"/>
    <col min="7713" max="7713" width="13.36328125" style="2" bestFit="1" customWidth="1"/>
    <col min="7714" max="7936" width="9" style="2"/>
    <col min="7937" max="7938" width="4.26953125" style="2" customWidth="1"/>
    <col min="7939" max="7939" width="25" style="2" customWidth="1"/>
    <col min="7940" max="7940" width="4.90625" style="2" customWidth="1"/>
    <col min="7941" max="7941" width="41.6328125" style="2" customWidth="1"/>
    <col min="7942" max="7942" width="4.90625" style="2" customWidth="1"/>
    <col min="7943" max="7943" width="19.6328125" style="2" customWidth="1"/>
    <col min="7944" max="7944" width="33.90625" style="2" customWidth="1"/>
    <col min="7945" max="7960" width="5.26953125" style="2" customWidth="1"/>
    <col min="7961" max="7968" width="4.90625" style="2" customWidth="1"/>
    <col min="7969" max="7969" width="13.36328125" style="2" bestFit="1" customWidth="1"/>
    <col min="7970" max="8192" width="9" style="2"/>
    <col min="8193" max="8194" width="4.26953125" style="2" customWidth="1"/>
    <col min="8195" max="8195" width="25" style="2" customWidth="1"/>
    <col min="8196" max="8196" width="4.90625" style="2" customWidth="1"/>
    <col min="8197" max="8197" width="41.6328125" style="2" customWidth="1"/>
    <col min="8198" max="8198" width="4.90625" style="2" customWidth="1"/>
    <col min="8199" max="8199" width="19.6328125" style="2" customWidth="1"/>
    <col min="8200" max="8200" width="33.90625" style="2" customWidth="1"/>
    <col min="8201" max="8216" width="5.26953125" style="2" customWidth="1"/>
    <col min="8217" max="8224" width="4.90625" style="2" customWidth="1"/>
    <col min="8225" max="8225" width="13.36328125" style="2" bestFit="1" customWidth="1"/>
    <col min="8226" max="8448" width="9" style="2"/>
    <col min="8449" max="8450" width="4.26953125" style="2" customWidth="1"/>
    <col min="8451" max="8451" width="25" style="2" customWidth="1"/>
    <col min="8452" max="8452" width="4.90625" style="2" customWidth="1"/>
    <col min="8453" max="8453" width="41.6328125" style="2" customWidth="1"/>
    <col min="8454" max="8454" width="4.90625" style="2" customWidth="1"/>
    <col min="8455" max="8455" width="19.6328125" style="2" customWidth="1"/>
    <col min="8456" max="8456" width="33.90625" style="2" customWidth="1"/>
    <col min="8457" max="8472" width="5.26953125" style="2" customWidth="1"/>
    <col min="8473" max="8480" width="4.90625" style="2" customWidth="1"/>
    <col min="8481" max="8481" width="13.36328125" style="2" bestFit="1" customWidth="1"/>
    <col min="8482" max="8704" width="9" style="2"/>
    <col min="8705" max="8706" width="4.26953125" style="2" customWidth="1"/>
    <col min="8707" max="8707" width="25" style="2" customWidth="1"/>
    <col min="8708" max="8708" width="4.90625" style="2" customWidth="1"/>
    <col min="8709" max="8709" width="41.6328125" style="2" customWidth="1"/>
    <col min="8710" max="8710" width="4.90625" style="2" customWidth="1"/>
    <col min="8711" max="8711" width="19.6328125" style="2" customWidth="1"/>
    <col min="8712" max="8712" width="33.90625" style="2" customWidth="1"/>
    <col min="8713" max="8728" width="5.26953125" style="2" customWidth="1"/>
    <col min="8729" max="8736" width="4.90625" style="2" customWidth="1"/>
    <col min="8737" max="8737" width="13.36328125" style="2" bestFit="1" customWidth="1"/>
    <col min="8738" max="8960" width="9" style="2"/>
    <col min="8961" max="8962" width="4.26953125" style="2" customWidth="1"/>
    <col min="8963" max="8963" width="25" style="2" customWidth="1"/>
    <col min="8964" max="8964" width="4.90625" style="2" customWidth="1"/>
    <col min="8965" max="8965" width="41.6328125" style="2" customWidth="1"/>
    <col min="8966" max="8966" width="4.90625" style="2" customWidth="1"/>
    <col min="8967" max="8967" width="19.6328125" style="2" customWidth="1"/>
    <col min="8968" max="8968" width="33.90625" style="2" customWidth="1"/>
    <col min="8969" max="8984" width="5.26953125" style="2" customWidth="1"/>
    <col min="8985" max="8992" width="4.90625" style="2" customWidth="1"/>
    <col min="8993" max="8993" width="13.36328125" style="2" bestFit="1" customWidth="1"/>
    <col min="8994" max="9216" width="9" style="2"/>
    <col min="9217" max="9218" width="4.26953125" style="2" customWidth="1"/>
    <col min="9219" max="9219" width="25" style="2" customWidth="1"/>
    <col min="9220" max="9220" width="4.90625" style="2" customWidth="1"/>
    <col min="9221" max="9221" width="41.6328125" style="2" customWidth="1"/>
    <col min="9222" max="9222" width="4.90625" style="2" customWidth="1"/>
    <col min="9223" max="9223" width="19.6328125" style="2" customWidth="1"/>
    <col min="9224" max="9224" width="33.90625" style="2" customWidth="1"/>
    <col min="9225" max="9240" width="5.26953125" style="2" customWidth="1"/>
    <col min="9241" max="9248" width="4.90625" style="2" customWidth="1"/>
    <col min="9249" max="9249" width="13.36328125" style="2" bestFit="1" customWidth="1"/>
    <col min="9250" max="9472" width="9" style="2"/>
    <col min="9473" max="9474" width="4.26953125" style="2" customWidth="1"/>
    <col min="9475" max="9475" width="25" style="2" customWidth="1"/>
    <col min="9476" max="9476" width="4.90625" style="2" customWidth="1"/>
    <col min="9477" max="9477" width="41.6328125" style="2" customWidth="1"/>
    <col min="9478" max="9478" width="4.90625" style="2" customWidth="1"/>
    <col min="9479" max="9479" width="19.6328125" style="2" customWidth="1"/>
    <col min="9480" max="9480" width="33.90625" style="2" customWidth="1"/>
    <col min="9481" max="9496" width="5.26953125" style="2" customWidth="1"/>
    <col min="9497" max="9504" width="4.90625" style="2" customWidth="1"/>
    <col min="9505" max="9505" width="13.36328125" style="2" bestFit="1" customWidth="1"/>
    <col min="9506" max="9728" width="9" style="2"/>
    <col min="9729" max="9730" width="4.26953125" style="2" customWidth="1"/>
    <col min="9731" max="9731" width="25" style="2" customWidth="1"/>
    <col min="9732" max="9732" width="4.90625" style="2" customWidth="1"/>
    <col min="9733" max="9733" width="41.6328125" style="2" customWidth="1"/>
    <col min="9734" max="9734" width="4.90625" style="2" customWidth="1"/>
    <col min="9735" max="9735" width="19.6328125" style="2" customWidth="1"/>
    <col min="9736" max="9736" width="33.90625" style="2" customWidth="1"/>
    <col min="9737" max="9752" width="5.26953125" style="2" customWidth="1"/>
    <col min="9753" max="9760" width="4.90625" style="2" customWidth="1"/>
    <col min="9761" max="9761" width="13.36328125" style="2" bestFit="1" customWidth="1"/>
    <col min="9762" max="9984" width="9" style="2"/>
    <col min="9985" max="9986" width="4.26953125" style="2" customWidth="1"/>
    <col min="9987" max="9987" width="25" style="2" customWidth="1"/>
    <col min="9988" max="9988" width="4.90625" style="2" customWidth="1"/>
    <col min="9989" max="9989" width="41.6328125" style="2" customWidth="1"/>
    <col min="9990" max="9990" width="4.90625" style="2" customWidth="1"/>
    <col min="9991" max="9991" width="19.6328125" style="2" customWidth="1"/>
    <col min="9992" max="9992" width="33.90625" style="2" customWidth="1"/>
    <col min="9993" max="10008" width="5.26953125" style="2" customWidth="1"/>
    <col min="10009" max="10016" width="4.90625" style="2" customWidth="1"/>
    <col min="10017" max="10017" width="13.36328125" style="2" bestFit="1" customWidth="1"/>
    <col min="10018" max="10240" width="9" style="2"/>
    <col min="10241" max="10242" width="4.26953125" style="2" customWidth="1"/>
    <col min="10243" max="10243" width="25" style="2" customWidth="1"/>
    <col min="10244" max="10244" width="4.90625" style="2" customWidth="1"/>
    <col min="10245" max="10245" width="41.6328125" style="2" customWidth="1"/>
    <col min="10246" max="10246" width="4.90625" style="2" customWidth="1"/>
    <col min="10247" max="10247" width="19.6328125" style="2" customWidth="1"/>
    <col min="10248" max="10248" width="33.90625" style="2" customWidth="1"/>
    <col min="10249" max="10264" width="5.26953125" style="2" customWidth="1"/>
    <col min="10265" max="10272" width="4.90625" style="2" customWidth="1"/>
    <col min="10273" max="10273" width="13.36328125" style="2" bestFit="1" customWidth="1"/>
    <col min="10274" max="10496" width="9" style="2"/>
    <col min="10497" max="10498" width="4.26953125" style="2" customWidth="1"/>
    <col min="10499" max="10499" width="25" style="2" customWidth="1"/>
    <col min="10500" max="10500" width="4.90625" style="2" customWidth="1"/>
    <col min="10501" max="10501" width="41.6328125" style="2" customWidth="1"/>
    <col min="10502" max="10502" width="4.90625" style="2" customWidth="1"/>
    <col min="10503" max="10503" width="19.6328125" style="2" customWidth="1"/>
    <col min="10504" max="10504" width="33.90625" style="2" customWidth="1"/>
    <col min="10505" max="10520" width="5.26953125" style="2" customWidth="1"/>
    <col min="10521" max="10528" width="4.90625" style="2" customWidth="1"/>
    <col min="10529" max="10529" width="13.36328125" style="2" bestFit="1" customWidth="1"/>
    <col min="10530" max="10752" width="9" style="2"/>
    <col min="10753" max="10754" width="4.26953125" style="2" customWidth="1"/>
    <col min="10755" max="10755" width="25" style="2" customWidth="1"/>
    <col min="10756" max="10756" width="4.90625" style="2" customWidth="1"/>
    <col min="10757" max="10757" width="41.6328125" style="2" customWidth="1"/>
    <col min="10758" max="10758" width="4.90625" style="2" customWidth="1"/>
    <col min="10759" max="10759" width="19.6328125" style="2" customWidth="1"/>
    <col min="10760" max="10760" width="33.90625" style="2" customWidth="1"/>
    <col min="10761" max="10776" width="5.26953125" style="2" customWidth="1"/>
    <col min="10777" max="10784" width="4.90625" style="2" customWidth="1"/>
    <col min="10785" max="10785" width="13.36328125" style="2" bestFit="1" customWidth="1"/>
    <col min="10786" max="11008" width="9" style="2"/>
    <col min="11009" max="11010" width="4.26953125" style="2" customWidth="1"/>
    <col min="11011" max="11011" width="25" style="2" customWidth="1"/>
    <col min="11012" max="11012" width="4.90625" style="2" customWidth="1"/>
    <col min="11013" max="11013" width="41.6328125" style="2" customWidth="1"/>
    <col min="11014" max="11014" width="4.90625" style="2" customWidth="1"/>
    <col min="11015" max="11015" width="19.6328125" style="2" customWidth="1"/>
    <col min="11016" max="11016" width="33.90625" style="2" customWidth="1"/>
    <col min="11017" max="11032" width="5.26953125" style="2" customWidth="1"/>
    <col min="11033" max="11040" width="4.90625" style="2" customWidth="1"/>
    <col min="11041" max="11041" width="13.36328125" style="2" bestFit="1" customWidth="1"/>
    <col min="11042" max="11264" width="9" style="2"/>
    <col min="11265" max="11266" width="4.26953125" style="2" customWidth="1"/>
    <col min="11267" max="11267" width="25" style="2" customWidth="1"/>
    <col min="11268" max="11268" width="4.90625" style="2" customWidth="1"/>
    <col min="11269" max="11269" width="41.6328125" style="2" customWidth="1"/>
    <col min="11270" max="11270" width="4.90625" style="2" customWidth="1"/>
    <col min="11271" max="11271" width="19.6328125" style="2" customWidth="1"/>
    <col min="11272" max="11272" width="33.90625" style="2" customWidth="1"/>
    <col min="11273" max="11288" width="5.26953125" style="2" customWidth="1"/>
    <col min="11289" max="11296" width="4.90625" style="2" customWidth="1"/>
    <col min="11297" max="11297" width="13.36328125" style="2" bestFit="1" customWidth="1"/>
    <col min="11298" max="11520" width="9" style="2"/>
    <col min="11521" max="11522" width="4.26953125" style="2" customWidth="1"/>
    <col min="11523" max="11523" width="25" style="2" customWidth="1"/>
    <col min="11524" max="11524" width="4.90625" style="2" customWidth="1"/>
    <col min="11525" max="11525" width="41.6328125" style="2" customWidth="1"/>
    <col min="11526" max="11526" width="4.90625" style="2" customWidth="1"/>
    <col min="11527" max="11527" width="19.6328125" style="2" customWidth="1"/>
    <col min="11528" max="11528" width="33.90625" style="2" customWidth="1"/>
    <col min="11529" max="11544" width="5.26953125" style="2" customWidth="1"/>
    <col min="11545" max="11552" width="4.90625" style="2" customWidth="1"/>
    <col min="11553" max="11553" width="13.36328125" style="2" bestFit="1" customWidth="1"/>
    <col min="11554" max="11776" width="9" style="2"/>
    <col min="11777" max="11778" width="4.26953125" style="2" customWidth="1"/>
    <col min="11779" max="11779" width="25" style="2" customWidth="1"/>
    <col min="11780" max="11780" width="4.90625" style="2" customWidth="1"/>
    <col min="11781" max="11781" width="41.6328125" style="2" customWidth="1"/>
    <col min="11782" max="11782" width="4.90625" style="2" customWidth="1"/>
    <col min="11783" max="11783" width="19.6328125" style="2" customWidth="1"/>
    <col min="11784" max="11784" width="33.90625" style="2" customWidth="1"/>
    <col min="11785" max="11800" width="5.26953125" style="2" customWidth="1"/>
    <col min="11801" max="11808" width="4.90625" style="2" customWidth="1"/>
    <col min="11809" max="11809" width="13.36328125" style="2" bestFit="1" customWidth="1"/>
    <col min="11810" max="12032" width="9" style="2"/>
    <col min="12033" max="12034" width="4.26953125" style="2" customWidth="1"/>
    <col min="12035" max="12035" width="25" style="2" customWidth="1"/>
    <col min="12036" max="12036" width="4.90625" style="2" customWidth="1"/>
    <col min="12037" max="12037" width="41.6328125" style="2" customWidth="1"/>
    <col min="12038" max="12038" width="4.90625" style="2" customWidth="1"/>
    <col min="12039" max="12039" width="19.6328125" style="2" customWidth="1"/>
    <col min="12040" max="12040" width="33.90625" style="2" customWidth="1"/>
    <col min="12041" max="12056" width="5.26953125" style="2" customWidth="1"/>
    <col min="12057" max="12064" width="4.90625" style="2" customWidth="1"/>
    <col min="12065" max="12065" width="13.36328125" style="2" bestFit="1" customWidth="1"/>
    <col min="12066" max="12288" width="9" style="2"/>
    <col min="12289" max="12290" width="4.26953125" style="2" customWidth="1"/>
    <col min="12291" max="12291" width="25" style="2" customWidth="1"/>
    <col min="12292" max="12292" width="4.90625" style="2" customWidth="1"/>
    <col min="12293" max="12293" width="41.6328125" style="2" customWidth="1"/>
    <col min="12294" max="12294" width="4.90625" style="2" customWidth="1"/>
    <col min="12295" max="12295" width="19.6328125" style="2" customWidth="1"/>
    <col min="12296" max="12296" width="33.90625" style="2" customWidth="1"/>
    <col min="12297" max="12312" width="5.26953125" style="2" customWidth="1"/>
    <col min="12313" max="12320" width="4.90625" style="2" customWidth="1"/>
    <col min="12321" max="12321" width="13.36328125" style="2" bestFit="1" customWidth="1"/>
    <col min="12322" max="12544" width="9" style="2"/>
    <col min="12545" max="12546" width="4.26953125" style="2" customWidth="1"/>
    <col min="12547" max="12547" width="25" style="2" customWidth="1"/>
    <col min="12548" max="12548" width="4.90625" style="2" customWidth="1"/>
    <col min="12549" max="12549" width="41.6328125" style="2" customWidth="1"/>
    <col min="12550" max="12550" width="4.90625" style="2" customWidth="1"/>
    <col min="12551" max="12551" width="19.6328125" style="2" customWidth="1"/>
    <col min="12552" max="12552" width="33.90625" style="2" customWidth="1"/>
    <col min="12553" max="12568" width="5.26953125" style="2" customWidth="1"/>
    <col min="12569" max="12576" width="4.90625" style="2" customWidth="1"/>
    <col min="12577" max="12577" width="13.36328125" style="2" bestFit="1" customWidth="1"/>
    <col min="12578" max="12800" width="9" style="2"/>
    <col min="12801" max="12802" width="4.26953125" style="2" customWidth="1"/>
    <col min="12803" max="12803" width="25" style="2" customWidth="1"/>
    <col min="12804" max="12804" width="4.90625" style="2" customWidth="1"/>
    <col min="12805" max="12805" width="41.6328125" style="2" customWidth="1"/>
    <col min="12806" max="12806" width="4.90625" style="2" customWidth="1"/>
    <col min="12807" max="12807" width="19.6328125" style="2" customWidth="1"/>
    <col min="12808" max="12808" width="33.90625" style="2" customWidth="1"/>
    <col min="12809" max="12824" width="5.26953125" style="2" customWidth="1"/>
    <col min="12825" max="12832" width="4.90625" style="2" customWidth="1"/>
    <col min="12833" max="12833" width="13.36328125" style="2" bestFit="1" customWidth="1"/>
    <col min="12834" max="13056" width="9" style="2"/>
    <col min="13057" max="13058" width="4.26953125" style="2" customWidth="1"/>
    <col min="13059" max="13059" width="25" style="2" customWidth="1"/>
    <col min="13060" max="13060" width="4.90625" style="2" customWidth="1"/>
    <col min="13061" max="13061" width="41.6328125" style="2" customWidth="1"/>
    <col min="13062" max="13062" width="4.90625" style="2" customWidth="1"/>
    <col min="13063" max="13063" width="19.6328125" style="2" customWidth="1"/>
    <col min="13064" max="13064" width="33.90625" style="2" customWidth="1"/>
    <col min="13065" max="13080" width="5.26953125" style="2" customWidth="1"/>
    <col min="13081" max="13088" width="4.90625" style="2" customWidth="1"/>
    <col min="13089" max="13089" width="13.36328125" style="2" bestFit="1" customWidth="1"/>
    <col min="13090" max="13312" width="9" style="2"/>
    <col min="13313" max="13314" width="4.26953125" style="2" customWidth="1"/>
    <col min="13315" max="13315" width="25" style="2" customWidth="1"/>
    <col min="13316" max="13316" width="4.90625" style="2" customWidth="1"/>
    <col min="13317" max="13317" width="41.6328125" style="2" customWidth="1"/>
    <col min="13318" max="13318" width="4.90625" style="2" customWidth="1"/>
    <col min="13319" max="13319" width="19.6328125" style="2" customWidth="1"/>
    <col min="13320" max="13320" width="33.90625" style="2" customWidth="1"/>
    <col min="13321" max="13336" width="5.26953125" style="2" customWidth="1"/>
    <col min="13337" max="13344" width="4.90625" style="2" customWidth="1"/>
    <col min="13345" max="13345" width="13.36328125" style="2" bestFit="1" customWidth="1"/>
    <col min="13346" max="13568" width="9" style="2"/>
    <col min="13569" max="13570" width="4.26953125" style="2" customWidth="1"/>
    <col min="13571" max="13571" width="25" style="2" customWidth="1"/>
    <col min="13572" max="13572" width="4.90625" style="2" customWidth="1"/>
    <col min="13573" max="13573" width="41.6328125" style="2" customWidth="1"/>
    <col min="13574" max="13574" width="4.90625" style="2" customWidth="1"/>
    <col min="13575" max="13575" width="19.6328125" style="2" customWidth="1"/>
    <col min="13576" max="13576" width="33.90625" style="2" customWidth="1"/>
    <col min="13577" max="13592" width="5.26953125" style="2" customWidth="1"/>
    <col min="13593" max="13600" width="4.90625" style="2" customWidth="1"/>
    <col min="13601" max="13601" width="13.36328125" style="2" bestFit="1" customWidth="1"/>
    <col min="13602" max="13824" width="9" style="2"/>
    <col min="13825" max="13826" width="4.26953125" style="2" customWidth="1"/>
    <col min="13827" max="13827" width="25" style="2" customWidth="1"/>
    <col min="13828" max="13828" width="4.90625" style="2" customWidth="1"/>
    <col min="13829" max="13829" width="41.6328125" style="2" customWidth="1"/>
    <col min="13830" max="13830" width="4.90625" style="2" customWidth="1"/>
    <col min="13831" max="13831" width="19.6328125" style="2" customWidth="1"/>
    <col min="13832" max="13832" width="33.90625" style="2" customWidth="1"/>
    <col min="13833" max="13848" width="5.26953125" style="2" customWidth="1"/>
    <col min="13849" max="13856" width="4.90625" style="2" customWidth="1"/>
    <col min="13857" max="13857" width="13.36328125" style="2" bestFit="1" customWidth="1"/>
    <col min="13858" max="14080" width="9" style="2"/>
    <col min="14081" max="14082" width="4.26953125" style="2" customWidth="1"/>
    <col min="14083" max="14083" width="25" style="2" customWidth="1"/>
    <col min="14084" max="14084" width="4.90625" style="2" customWidth="1"/>
    <col min="14085" max="14085" width="41.6328125" style="2" customWidth="1"/>
    <col min="14086" max="14086" width="4.90625" style="2" customWidth="1"/>
    <col min="14087" max="14087" width="19.6328125" style="2" customWidth="1"/>
    <col min="14088" max="14088" width="33.90625" style="2" customWidth="1"/>
    <col min="14089" max="14104" width="5.26953125" style="2" customWidth="1"/>
    <col min="14105" max="14112" width="4.90625" style="2" customWidth="1"/>
    <col min="14113" max="14113" width="13.36328125" style="2" bestFit="1" customWidth="1"/>
    <col min="14114" max="14336" width="9" style="2"/>
    <col min="14337" max="14338" width="4.26953125" style="2" customWidth="1"/>
    <col min="14339" max="14339" width="25" style="2" customWidth="1"/>
    <col min="14340" max="14340" width="4.90625" style="2" customWidth="1"/>
    <col min="14341" max="14341" width="41.6328125" style="2" customWidth="1"/>
    <col min="14342" max="14342" width="4.90625" style="2" customWidth="1"/>
    <col min="14343" max="14343" width="19.6328125" style="2" customWidth="1"/>
    <col min="14344" max="14344" width="33.90625" style="2" customWidth="1"/>
    <col min="14345" max="14360" width="5.26953125" style="2" customWidth="1"/>
    <col min="14361" max="14368" width="4.90625" style="2" customWidth="1"/>
    <col min="14369" max="14369" width="13.36328125" style="2" bestFit="1" customWidth="1"/>
    <col min="14370" max="14592" width="9" style="2"/>
    <col min="14593" max="14594" width="4.26953125" style="2" customWidth="1"/>
    <col min="14595" max="14595" width="25" style="2" customWidth="1"/>
    <col min="14596" max="14596" width="4.90625" style="2" customWidth="1"/>
    <col min="14597" max="14597" width="41.6328125" style="2" customWidth="1"/>
    <col min="14598" max="14598" width="4.90625" style="2" customWidth="1"/>
    <col min="14599" max="14599" width="19.6328125" style="2" customWidth="1"/>
    <col min="14600" max="14600" width="33.90625" style="2" customWidth="1"/>
    <col min="14601" max="14616" width="5.26953125" style="2" customWidth="1"/>
    <col min="14617" max="14624" width="4.90625" style="2" customWidth="1"/>
    <col min="14625" max="14625" width="13.36328125" style="2" bestFit="1" customWidth="1"/>
    <col min="14626" max="14848" width="9" style="2"/>
    <col min="14849" max="14850" width="4.26953125" style="2" customWidth="1"/>
    <col min="14851" max="14851" width="25" style="2" customWidth="1"/>
    <col min="14852" max="14852" width="4.90625" style="2" customWidth="1"/>
    <col min="14853" max="14853" width="41.6328125" style="2" customWidth="1"/>
    <col min="14854" max="14854" width="4.90625" style="2" customWidth="1"/>
    <col min="14855" max="14855" width="19.6328125" style="2" customWidth="1"/>
    <col min="14856" max="14856" width="33.90625" style="2" customWidth="1"/>
    <col min="14857" max="14872" width="5.26953125" style="2" customWidth="1"/>
    <col min="14873" max="14880" width="4.90625" style="2" customWidth="1"/>
    <col min="14881" max="14881" width="13.36328125" style="2" bestFit="1" customWidth="1"/>
    <col min="14882" max="15104" width="9" style="2"/>
    <col min="15105" max="15106" width="4.26953125" style="2" customWidth="1"/>
    <col min="15107" max="15107" width="25" style="2" customWidth="1"/>
    <col min="15108" max="15108" width="4.90625" style="2" customWidth="1"/>
    <col min="15109" max="15109" width="41.6328125" style="2" customWidth="1"/>
    <col min="15110" max="15110" width="4.90625" style="2" customWidth="1"/>
    <col min="15111" max="15111" width="19.6328125" style="2" customWidth="1"/>
    <col min="15112" max="15112" width="33.90625" style="2" customWidth="1"/>
    <col min="15113" max="15128" width="5.26953125" style="2" customWidth="1"/>
    <col min="15129" max="15136" width="4.90625" style="2" customWidth="1"/>
    <col min="15137" max="15137" width="13.36328125" style="2" bestFit="1" customWidth="1"/>
    <col min="15138" max="15360" width="9" style="2"/>
    <col min="15361" max="15362" width="4.26953125" style="2" customWidth="1"/>
    <col min="15363" max="15363" width="25" style="2" customWidth="1"/>
    <col min="15364" max="15364" width="4.90625" style="2" customWidth="1"/>
    <col min="15365" max="15365" width="41.6328125" style="2" customWidth="1"/>
    <col min="15366" max="15366" width="4.90625" style="2" customWidth="1"/>
    <col min="15367" max="15367" width="19.6328125" style="2" customWidth="1"/>
    <col min="15368" max="15368" width="33.90625" style="2" customWidth="1"/>
    <col min="15369" max="15384" width="5.26953125" style="2" customWidth="1"/>
    <col min="15385" max="15392" width="4.90625" style="2" customWidth="1"/>
    <col min="15393" max="15393" width="13.36328125" style="2" bestFit="1" customWidth="1"/>
    <col min="15394" max="15616" width="9" style="2"/>
    <col min="15617" max="15618" width="4.26953125" style="2" customWidth="1"/>
    <col min="15619" max="15619" width="25" style="2" customWidth="1"/>
    <col min="15620" max="15620" width="4.90625" style="2" customWidth="1"/>
    <col min="15621" max="15621" width="41.6328125" style="2" customWidth="1"/>
    <col min="15622" max="15622" width="4.90625" style="2" customWidth="1"/>
    <col min="15623" max="15623" width="19.6328125" style="2" customWidth="1"/>
    <col min="15624" max="15624" width="33.90625" style="2" customWidth="1"/>
    <col min="15625" max="15640" width="5.26953125" style="2" customWidth="1"/>
    <col min="15641" max="15648" width="4.90625" style="2" customWidth="1"/>
    <col min="15649" max="15649" width="13.36328125" style="2" bestFit="1" customWidth="1"/>
    <col min="15650" max="15872" width="9" style="2"/>
    <col min="15873" max="15874" width="4.26953125" style="2" customWidth="1"/>
    <col min="15875" max="15875" width="25" style="2" customWidth="1"/>
    <col min="15876" max="15876" width="4.90625" style="2" customWidth="1"/>
    <col min="15877" max="15877" width="41.6328125" style="2" customWidth="1"/>
    <col min="15878" max="15878" width="4.90625" style="2" customWidth="1"/>
    <col min="15879" max="15879" width="19.6328125" style="2" customWidth="1"/>
    <col min="15880" max="15880" width="33.90625" style="2" customWidth="1"/>
    <col min="15881" max="15896" width="5.26953125" style="2" customWidth="1"/>
    <col min="15897" max="15904" width="4.90625" style="2" customWidth="1"/>
    <col min="15905" max="15905" width="13.36328125" style="2" bestFit="1" customWidth="1"/>
    <col min="15906" max="16128" width="9" style="2"/>
    <col min="16129" max="16130" width="4.26953125" style="2" customWidth="1"/>
    <col min="16131" max="16131" width="25" style="2" customWidth="1"/>
    <col min="16132" max="16132" width="4.90625" style="2" customWidth="1"/>
    <col min="16133" max="16133" width="41.6328125" style="2" customWidth="1"/>
    <col min="16134" max="16134" width="4.90625" style="2" customWidth="1"/>
    <col min="16135" max="16135" width="19.6328125" style="2" customWidth="1"/>
    <col min="16136" max="16136" width="33.90625" style="2" customWidth="1"/>
    <col min="16137" max="16152" width="5.26953125" style="2" customWidth="1"/>
    <col min="16153" max="16160" width="4.90625" style="2" customWidth="1"/>
    <col min="16161" max="16161" width="13.36328125" style="2" bestFit="1" customWidth="1"/>
    <col min="16162" max="16384" width="9" style="2"/>
  </cols>
  <sheetData>
    <row r="2" spans="1:32" ht="20.25" customHeight="1">
      <c r="A2" s="1" t="s">
        <v>0</v>
      </c>
      <c r="B2" s="1"/>
    </row>
    <row r="3" spans="1:32" ht="20.25" customHeight="1">
      <c r="A3" s="3" t="s">
        <v>1</v>
      </c>
      <c r="B3" s="3"/>
      <c r="C3" s="3"/>
      <c r="D3" s="3"/>
      <c r="E3" s="3"/>
      <c r="F3" s="3"/>
      <c r="G3" s="3"/>
      <c r="H3" s="3"/>
      <c r="I3" s="3"/>
      <c r="J3" s="3"/>
      <c r="K3" s="3"/>
      <c r="L3" s="3"/>
      <c r="M3" s="3"/>
      <c r="N3" s="3"/>
      <c r="O3" s="3"/>
      <c r="P3" s="3"/>
      <c r="Q3" s="3"/>
      <c r="R3" s="3"/>
      <c r="S3" s="3"/>
      <c r="T3" s="3"/>
      <c r="U3" s="3"/>
      <c r="V3" s="3"/>
      <c r="W3" s="3"/>
      <c r="X3" s="3"/>
      <c r="Y3" s="3"/>
      <c r="Z3" s="3"/>
      <c r="AA3" s="3"/>
      <c r="AB3" s="3"/>
      <c r="AC3" s="3"/>
      <c r="AD3" s="3"/>
      <c r="AE3" s="3"/>
      <c r="AF3" s="3"/>
    </row>
    <row r="4" spans="1:32" ht="20.25" customHeight="1"/>
    <row r="5" spans="1:32" ht="30" customHeight="1">
      <c r="S5" s="5" t="s">
        <v>2</v>
      </c>
      <c r="T5" s="6"/>
      <c r="U5" s="6"/>
      <c r="V5" s="7"/>
      <c r="W5" s="8"/>
      <c r="X5" s="9"/>
      <c r="Y5" s="9"/>
      <c r="Z5" s="9"/>
      <c r="AA5" s="9"/>
      <c r="AB5" s="9"/>
      <c r="AC5" s="9"/>
      <c r="AD5" s="9"/>
      <c r="AE5" s="9"/>
      <c r="AF5" s="10"/>
    </row>
    <row r="6" spans="1:32" ht="20.25" customHeight="1"/>
    <row r="7" spans="1:32" ht="17.25" customHeight="1">
      <c r="A7" s="5" t="s">
        <v>3</v>
      </c>
      <c r="B7" s="6"/>
      <c r="C7" s="7"/>
      <c r="D7" s="5" t="s">
        <v>4</v>
      </c>
      <c r="E7" s="7"/>
      <c r="F7" s="5" t="s">
        <v>5</v>
      </c>
      <c r="G7" s="7"/>
      <c r="H7" s="5" t="s">
        <v>6</v>
      </c>
      <c r="I7" s="6"/>
      <c r="J7" s="6"/>
      <c r="K7" s="6"/>
      <c r="L7" s="6"/>
      <c r="M7" s="6"/>
      <c r="N7" s="6"/>
      <c r="O7" s="6"/>
      <c r="P7" s="6"/>
      <c r="Q7" s="6"/>
      <c r="R7" s="6"/>
      <c r="S7" s="6"/>
      <c r="T7" s="6"/>
      <c r="U7" s="6"/>
      <c r="V7" s="6"/>
      <c r="W7" s="6"/>
      <c r="X7" s="7"/>
      <c r="Y7" s="5" t="s">
        <v>7</v>
      </c>
      <c r="Z7" s="6"/>
      <c r="AA7" s="6"/>
      <c r="AB7" s="7"/>
      <c r="AC7" s="5" t="s">
        <v>8</v>
      </c>
      <c r="AD7" s="6"/>
      <c r="AE7" s="6"/>
      <c r="AF7" s="7"/>
    </row>
    <row r="8" spans="1:32" ht="18.75" customHeight="1">
      <c r="A8" s="11" t="s">
        <v>9</v>
      </c>
      <c r="B8" s="12"/>
      <c r="C8" s="13"/>
      <c r="D8" s="14"/>
      <c r="E8" s="15"/>
      <c r="F8" s="16"/>
      <c r="G8" s="15"/>
      <c r="H8" s="17" t="s">
        <v>10</v>
      </c>
      <c r="I8" s="18" t="s">
        <v>11</v>
      </c>
      <c r="J8" s="19" t="s">
        <v>12</v>
      </c>
      <c r="K8" s="20"/>
      <c r="L8" s="20"/>
      <c r="M8" s="18" t="s">
        <v>11</v>
      </c>
      <c r="N8" s="19" t="s">
        <v>13</v>
      </c>
      <c r="O8" s="20"/>
      <c r="P8" s="20"/>
      <c r="Q8" s="18" t="s">
        <v>11</v>
      </c>
      <c r="R8" s="19" t="s">
        <v>14</v>
      </c>
      <c r="S8" s="20"/>
      <c r="T8" s="20"/>
      <c r="U8" s="18" t="s">
        <v>11</v>
      </c>
      <c r="V8" s="19" t="s">
        <v>15</v>
      </c>
      <c r="W8" s="20"/>
      <c r="X8" s="21"/>
      <c r="Y8" s="22"/>
      <c r="Z8" s="23"/>
      <c r="AA8" s="23"/>
      <c r="AB8" s="24"/>
      <c r="AC8" s="22"/>
      <c r="AD8" s="23"/>
      <c r="AE8" s="23"/>
      <c r="AF8" s="24"/>
    </row>
    <row r="9" spans="1:32" ht="18.75" customHeight="1">
      <c r="A9" s="25"/>
      <c r="B9" s="26"/>
      <c r="C9" s="27"/>
      <c r="D9" s="28"/>
      <c r="E9" s="29"/>
      <c r="F9" s="30"/>
      <c r="G9" s="29"/>
      <c r="H9" s="31"/>
      <c r="I9" s="32" t="s">
        <v>11</v>
      </c>
      <c r="J9" s="33" t="s">
        <v>16</v>
      </c>
      <c r="K9" s="34"/>
      <c r="L9" s="34"/>
      <c r="M9" s="35" t="s">
        <v>11</v>
      </c>
      <c r="N9" s="33" t="s">
        <v>17</v>
      </c>
      <c r="O9" s="34"/>
      <c r="P9" s="34"/>
      <c r="Q9" s="35" t="s">
        <v>11</v>
      </c>
      <c r="R9" s="33" t="s">
        <v>18</v>
      </c>
      <c r="S9" s="34"/>
      <c r="T9" s="34"/>
      <c r="U9" s="35" t="s">
        <v>11</v>
      </c>
      <c r="V9" s="33" t="s">
        <v>19</v>
      </c>
      <c r="W9" s="34"/>
      <c r="X9" s="36"/>
      <c r="Y9" s="37"/>
      <c r="Z9" s="38"/>
      <c r="AA9" s="38"/>
      <c r="AB9" s="39"/>
      <c r="AC9" s="37"/>
      <c r="AD9" s="38"/>
      <c r="AE9" s="38"/>
      <c r="AF9" s="39"/>
    </row>
    <row r="10" spans="1:32" ht="19.5" customHeight="1">
      <c r="A10" s="40" t="s">
        <v>11</v>
      </c>
      <c r="B10" s="13">
        <v>46</v>
      </c>
      <c r="C10" s="41" t="s">
        <v>20</v>
      </c>
      <c r="D10" s="40" t="s">
        <v>11</v>
      </c>
      <c r="E10" s="42" t="s">
        <v>21</v>
      </c>
      <c r="F10" s="43"/>
      <c r="G10" s="44"/>
      <c r="H10" s="45" t="s">
        <v>22</v>
      </c>
      <c r="I10" s="46" t="s">
        <v>11</v>
      </c>
      <c r="J10" s="47" t="s">
        <v>23</v>
      </c>
      <c r="K10" s="47"/>
      <c r="L10" s="48" t="s">
        <v>11</v>
      </c>
      <c r="M10" s="47" t="s">
        <v>24</v>
      </c>
      <c r="N10" s="47"/>
      <c r="O10" s="49"/>
      <c r="P10" s="49"/>
      <c r="Q10" s="50"/>
      <c r="R10" s="51"/>
      <c r="S10" s="50"/>
      <c r="T10" s="50"/>
      <c r="U10" s="50"/>
      <c r="V10" s="51"/>
      <c r="W10" s="51"/>
      <c r="X10" s="52"/>
      <c r="Y10" s="53" t="s">
        <v>11</v>
      </c>
      <c r="Z10" s="19" t="s">
        <v>25</v>
      </c>
      <c r="AA10" s="54"/>
      <c r="AB10" s="55"/>
      <c r="AC10" s="22"/>
      <c r="AD10" s="23"/>
      <c r="AE10" s="23"/>
      <c r="AF10" s="24"/>
    </row>
    <row r="11" spans="1:32" ht="19.5" customHeight="1">
      <c r="A11" s="56"/>
      <c r="B11" s="57"/>
      <c r="C11" s="58"/>
      <c r="D11" s="56"/>
      <c r="E11" s="59"/>
      <c r="F11" s="60"/>
      <c r="G11" s="61"/>
      <c r="H11" s="62"/>
      <c r="I11" s="63"/>
      <c r="J11" s="64"/>
      <c r="K11" s="64"/>
      <c r="L11" s="65"/>
      <c r="M11" s="64"/>
      <c r="N11" s="64"/>
      <c r="O11" s="33"/>
      <c r="P11" s="66"/>
      <c r="Q11" s="67"/>
      <c r="R11" s="68"/>
      <c r="S11" s="68"/>
      <c r="T11" s="68"/>
      <c r="U11" s="68"/>
      <c r="V11" s="68"/>
      <c r="W11" s="68"/>
      <c r="X11" s="69"/>
      <c r="Y11" s="70" t="s">
        <v>11</v>
      </c>
      <c r="Z11" s="66" t="s">
        <v>26</v>
      </c>
      <c r="AA11" s="71"/>
      <c r="AB11" s="72"/>
      <c r="AC11" s="73"/>
      <c r="AD11" s="74"/>
      <c r="AE11" s="74"/>
      <c r="AF11" s="75"/>
    </row>
    <row r="12" spans="1:32" ht="18.75" customHeight="1">
      <c r="A12" s="76"/>
      <c r="B12" s="77"/>
      <c r="C12" s="78"/>
      <c r="D12" s="16"/>
      <c r="E12" s="21"/>
      <c r="F12" s="79"/>
      <c r="G12" s="80"/>
      <c r="H12" s="81" t="s">
        <v>27</v>
      </c>
      <c r="I12" s="82" t="s">
        <v>11</v>
      </c>
      <c r="J12" s="83" t="s">
        <v>23</v>
      </c>
      <c r="K12" s="84"/>
      <c r="L12" s="85" t="s">
        <v>11</v>
      </c>
      <c r="M12" s="83" t="s">
        <v>24</v>
      </c>
      <c r="N12" s="84"/>
      <c r="O12" s="84"/>
      <c r="P12" s="84"/>
      <c r="Q12" s="84"/>
      <c r="R12" s="84"/>
      <c r="S12" s="84"/>
      <c r="T12" s="84"/>
      <c r="U12" s="84"/>
      <c r="V12" s="84"/>
      <c r="W12" s="84"/>
      <c r="X12" s="86"/>
      <c r="Y12" s="87" t="s">
        <v>11</v>
      </c>
      <c r="Z12" s="19" t="s">
        <v>25</v>
      </c>
      <c r="AA12" s="19"/>
      <c r="AB12" s="88"/>
      <c r="AC12" s="22"/>
      <c r="AD12" s="23"/>
      <c r="AE12" s="23"/>
      <c r="AF12" s="24"/>
    </row>
    <row r="13" spans="1:32" ht="18.75" customHeight="1">
      <c r="A13" s="89"/>
      <c r="B13" s="90"/>
      <c r="C13" s="91"/>
      <c r="D13" s="92"/>
      <c r="E13" s="93"/>
      <c r="F13" s="94"/>
      <c r="G13" s="95"/>
      <c r="H13" s="96" t="s">
        <v>28</v>
      </c>
      <c r="I13" s="97" t="s">
        <v>11</v>
      </c>
      <c r="J13" s="98" t="s">
        <v>29</v>
      </c>
      <c r="K13" s="98"/>
      <c r="L13" s="98"/>
      <c r="M13" s="97" t="s">
        <v>11</v>
      </c>
      <c r="N13" s="98" t="s">
        <v>30</v>
      </c>
      <c r="O13" s="98"/>
      <c r="P13" s="98"/>
      <c r="Q13" s="99"/>
      <c r="R13" s="99"/>
      <c r="S13" s="99"/>
      <c r="T13" s="99"/>
      <c r="U13" s="99"/>
      <c r="V13" s="99"/>
      <c r="W13" s="99"/>
      <c r="X13" s="100"/>
      <c r="Y13" s="101" t="s">
        <v>11</v>
      </c>
      <c r="Z13" s="66" t="s">
        <v>26</v>
      </c>
      <c r="AA13" s="102"/>
      <c r="AB13" s="103"/>
      <c r="AC13" s="73"/>
      <c r="AD13" s="74"/>
      <c r="AE13" s="74"/>
      <c r="AF13" s="75"/>
    </row>
    <row r="14" spans="1:32" ht="18.75" customHeight="1">
      <c r="A14" s="70" t="s">
        <v>11</v>
      </c>
      <c r="B14" s="90">
        <v>46</v>
      </c>
      <c r="C14" s="91" t="s">
        <v>20</v>
      </c>
      <c r="D14" s="70" t="s">
        <v>11</v>
      </c>
      <c r="E14" s="93" t="s">
        <v>31</v>
      </c>
      <c r="F14" s="94"/>
      <c r="G14" s="95"/>
      <c r="H14" s="104"/>
      <c r="I14" s="105"/>
      <c r="J14" s="106"/>
      <c r="K14" s="106"/>
      <c r="L14" s="106"/>
      <c r="M14" s="105"/>
      <c r="N14" s="106"/>
      <c r="O14" s="106"/>
      <c r="P14" s="106"/>
      <c r="Q14" s="107"/>
      <c r="R14" s="107"/>
      <c r="S14" s="107"/>
      <c r="T14" s="107"/>
      <c r="U14" s="107"/>
      <c r="V14" s="107"/>
      <c r="W14" s="107"/>
      <c r="X14" s="108"/>
      <c r="Y14" s="109"/>
      <c r="Z14" s="102"/>
      <c r="AA14" s="102"/>
      <c r="AB14" s="103"/>
      <c r="AC14" s="73"/>
      <c r="AD14" s="74"/>
      <c r="AE14" s="74"/>
      <c r="AF14" s="75"/>
    </row>
    <row r="15" spans="1:32" ht="18.75" customHeight="1">
      <c r="A15" s="89"/>
      <c r="B15" s="90"/>
      <c r="C15" s="91"/>
      <c r="D15" s="92"/>
      <c r="E15" s="93"/>
      <c r="F15" s="94"/>
      <c r="G15" s="95"/>
      <c r="H15" s="96" t="s">
        <v>32</v>
      </c>
      <c r="I15" s="110" t="s">
        <v>11</v>
      </c>
      <c r="J15" s="98" t="s">
        <v>29</v>
      </c>
      <c r="K15" s="98"/>
      <c r="L15" s="98"/>
      <c r="M15" s="97" t="s">
        <v>11</v>
      </c>
      <c r="N15" s="98" t="s">
        <v>30</v>
      </c>
      <c r="O15" s="98"/>
      <c r="P15" s="98"/>
      <c r="Q15" s="99"/>
      <c r="R15" s="99"/>
      <c r="S15" s="99"/>
      <c r="T15" s="99"/>
      <c r="U15" s="99"/>
      <c r="V15" s="99"/>
      <c r="W15" s="99"/>
      <c r="X15" s="100"/>
      <c r="Y15" s="109"/>
      <c r="Z15" s="102"/>
      <c r="AA15" s="102"/>
      <c r="AB15" s="103"/>
      <c r="AC15" s="73"/>
      <c r="AD15" s="74"/>
      <c r="AE15" s="74"/>
      <c r="AF15" s="75"/>
    </row>
    <row r="16" spans="1:32" ht="18.75" customHeight="1">
      <c r="A16" s="89"/>
      <c r="B16" s="90"/>
      <c r="C16" s="91"/>
      <c r="D16" s="92"/>
      <c r="E16" s="93"/>
      <c r="F16" s="94"/>
      <c r="G16" s="95"/>
      <c r="H16" s="111"/>
      <c r="I16" s="112"/>
      <c r="J16" s="106"/>
      <c r="K16" s="106"/>
      <c r="L16" s="106"/>
      <c r="M16" s="105"/>
      <c r="N16" s="106"/>
      <c r="O16" s="106"/>
      <c r="P16" s="106"/>
      <c r="Q16" s="51"/>
      <c r="R16" s="113"/>
      <c r="S16" s="51"/>
      <c r="T16" s="113"/>
      <c r="U16" s="51"/>
      <c r="V16" s="51"/>
      <c r="W16" s="51"/>
      <c r="X16" s="114"/>
      <c r="Y16" s="109"/>
      <c r="Z16" s="102"/>
      <c r="AA16" s="102"/>
      <c r="AB16" s="103"/>
      <c r="AC16" s="73"/>
      <c r="AD16" s="74"/>
      <c r="AE16" s="74"/>
      <c r="AF16" s="75"/>
    </row>
    <row r="17" spans="1:32" ht="18.75" customHeight="1">
      <c r="A17" s="115"/>
      <c r="B17" s="116"/>
      <c r="C17" s="117"/>
      <c r="D17" s="30"/>
      <c r="E17" s="36"/>
      <c r="F17" s="118"/>
      <c r="G17" s="69"/>
      <c r="H17" s="119" t="s">
        <v>22</v>
      </c>
      <c r="I17" s="120" t="s">
        <v>11</v>
      </c>
      <c r="J17" s="121" t="s">
        <v>23</v>
      </c>
      <c r="K17" s="121"/>
      <c r="L17" s="122" t="s">
        <v>11</v>
      </c>
      <c r="M17" s="123" t="s">
        <v>24</v>
      </c>
      <c r="N17" s="124"/>
      <c r="O17" s="125"/>
      <c r="P17" s="125"/>
      <c r="Q17" s="124"/>
      <c r="R17" s="51"/>
      <c r="S17" s="99"/>
      <c r="T17" s="126"/>
      <c r="U17" s="124"/>
      <c r="V17" s="124"/>
      <c r="W17" s="124"/>
      <c r="X17" s="127"/>
      <c r="Y17" s="128"/>
      <c r="Z17" s="129"/>
      <c r="AA17" s="129"/>
      <c r="AB17" s="130"/>
      <c r="AC17" s="37"/>
      <c r="AD17" s="38"/>
      <c r="AE17" s="38"/>
      <c r="AF17" s="39"/>
    </row>
    <row r="18" spans="1:32" ht="20.25" customHeight="1">
      <c r="L18" s="131"/>
      <c r="M18" s="131"/>
      <c r="R18" s="131"/>
      <c r="S18" s="131"/>
    </row>
  </sheetData>
  <mergeCells count="34">
    <mergeCell ref="H13:H14"/>
    <mergeCell ref="I13:I14"/>
    <mergeCell ref="J13:L14"/>
    <mergeCell ref="M13:M14"/>
    <mergeCell ref="N13:P14"/>
    <mergeCell ref="H15:H16"/>
    <mergeCell ref="I15:I16"/>
    <mergeCell ref="J15:L16"/>
    <mergeCell ref="M15:M16"/>
    <mergeCell ref="N15:P16"/>
    <mergeCell ref="I10:I11"/>
    <mergeCell ref="J10:K11"/>
    <mergeCell ref="L10:L11"/>
    <mergeCell ref="M10:N11"/>
    <mergeCell ref="AC10:AF11"/>
    <mergeCell ref="AC12:AF17"/>
    <mergeCell ref="A8:C9"/>
    <mergeCell ref="H8:H9"/>
    <mergeCell ref="Y8:AB9"/>
    <mergeCell ref="AC8:AF9"/>
    <mergeCell ref="A10:A11"/>
    <mergeCell ref="B10:B11"/>
    <mergeCell ref="C10:C11"/>
    <mergeCell ref="D10:D11"/>
    <mergeCell ref="E10:E11"/>
    <mergeCell ref="H10:H11"/>
    <mergeCell ref="A3:AF3"/>
    <mergeCell ref="S5:V5"/>
    <mergeCell ref="A7:C7"/>
    <mergeCell ref="D7:E7"/>
    <mergeCell ref="F7:G7"/>
    <mergeCell ref="H7:X7"/>
    <mergeCell ref="Y7:AB7"/>
    <mergeCell ref="AC7:AF7"/>
  </mergeCells>
  <phoneticPr fontId="2"/>
  <pageMargins left="0.7" right="0.7" top="0.75" bottom="0.75" header="0.3" footer="0.3"/>
  <pageSetup paperSize="9" scale="10"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1C235E3F-CDB1-4DDC-8382-601DD66AAA0C}">
          <x14:formula1>
            <xm:f>"□,■"</xm:f>
          </x14:formula1>
          <xm:sqref>I8:I9 JE8:JE9 TA8:TA9 ACW8:ACW9 AMS8:AMS9 AWO8:AWO9 BGK8:BGK9 BQG8:BQG9 CAC8:CAC9 CJY8:CJY9 CTU8:CTU9 DDQ8:DDQ9 DNM8:DNM9 DXI8:DXI9 EHE8:EHE9 ERA8:ERA9 FAW8:FAW9 FKS8:FKS9 FUO8:FUO9 GEK8:GEK9 GOG8:GOG9 GYC8:GYC9 HHY8:HHY9 HRU8:HRU9 IBQ8:IBQ9 ILM8:ILM9 IVI8:IVI9 JFE8:JFE9 JPA8:JPA9 JYW8:JYW9 KIS8:KIS9 KSO8:KSO9 LCK8:LCK9 LMG8:LMG9 LWC8:LWC9 MFY8:MFY9 MPU8:MPU9 MZQ8:MZQ9 NJM8:NJM9 NTI8:NTI9 ODE8:ODE9 ONA8:ONA9 OWW8:OWW9 PGS8:PGS9 PQO8:PQO9 QAK8:QAK9 QKG8:QKG9 QUC8:QUC9 RDY8:RDY9 RNU8:RNU9 RXQ8:RXQ9 SHM8:SHM9 SRI8:SRI9 TBE8:TBE9 TLA8:TLA9 TUW8:TUW9 UES8:UES9 UOO8:UOO9 UYK8:UYK9 VIG8:VIG9 VSC8:VSC9 WBY8:WBY9 WLU8:WLU9 WVQ8:WVQ9 I65544:I65545 JE65544:JE65545 TA65544:TA65545 ACW65544:ACW65545 AMS65544:AMS65545 AWO65544:AWO65545 BGK65544:BGK65545 BQG65544:BQG65545 CAC65544:CAC65545 CJY65544:CJY65545 CTU65544:CTU65545 DDQ65544:DDQ65545 DNM65544:DNM65545 DXI65544:DXI65545 EHE65544:EHE65545 ERA65544:ERA65545 FAW65544:FAW65545 FKS65544:FKS65545 FUO65544:FUO65545 GEK65544:GEK65545 GOG65544:GOG65545 GYC65544:GYC65545 HHY65544:HHY65545 HRU65544:HRU65545 IBQ65544:IBQ65545 ILM65544:ILM65545 IVI65544:IVI65545 JFE65544:JFE65545 JPA65544:JPA65545 JYW65544:JYW65545 KIS65544:KIS65545 KSO65544:KSO65545 LCK65544:LCK65545 LMG65544:LMG65545 LWC65544:LWC65545 MFY65544:MFY65545 MPU65544:MPU65545 MZQ65544:MZQ65545 NJM65544:NJM65545 NTI65544:NTI65545 ODE65544:ODE65545 ONA65544:ONA65545 OWW65544:OWW65545 PGS65544:PGS65545 PQO65544:PQO65545 QAK65544:QAK65545 QKG65544:QKG65545 QUC65544:QUC65545 RDY65544:RDY65545 RNU65544:RNU65545 RXQ65544:RXQ65545 SHM65544:SHM65545 SRI65544:SRI65545 TBE65544:TBE65545 TLA65544:TLA65545 TUW65544:TUW65545 UES65544:UES65545 UOO65544:UOO65545 UYK65544:UYK65545 VIG65544:VIG65545 VSC65544:VSC65545 WBY65544:WBY65545 WLU65544:WLU65545 WVQ65544:WVQ65545 I131080:I131081 JE131080:JE131081 TA131080:TA131081 ACW131080:ACW131081 AMS131080:AMS131081 AWO131080:AWO131081 BGK131080:BGK131081 BQG131080:BQG131081 CAC131080:CAC131081 CJY131080:CJY131081 CTU131080:CTU131081 DDQ131080:DDQ131081 DNM131080:DNM131081 DXI131080:DXI131081 EHE131080:EHE131081 ERA131080:ERA131081 FAW131080:FAW131081 FKS131080:FKS131081 FUO131080:FUO131081 GEK131080:GEK131081 GOG131080:GOG131081 GYC131080:GYC131081 HHY131080:HHY131081 HRU131080:HRU131081 IBQ131080:IBQ131081 ILM131080:ILM131081 IVI131080:IVI131081 JFE131080:JFE131081 JPA131080:JPA131081 JYW131080:JYW131081 KIS131080:KIS131081 KSO131080:KSO131081 LCK131080:LCK131081 LMG131080:LMG131081 LWC131080:LWC131081 MFY131080:MFY131081 MPU131080:MPU131081 MZQ131080:MZQ131081 NJM131080:NJM131081 NTI131080:NTI131081 ODE131080:ODE131081 ONA131080:ONA131081 OWW131080:OWW131081 PGS131080:PGS131081 PQO131080:PQO131081 QAK131080:QAK131081 QKG131080:QKG131081 QUC131080:QUC131081 RDY131080:RDY131081 RNU131080:RNU131081 RXQ131080:RXQ131081 SHM131080:SHM131081 SRI131080:SRI131081 TBE131080:TBE131081 TLA131080:TLA131081 TUW131080:TUW131081 UES131080:UES131081 UOO131080:UOO131081 UYK131080:UYK131081 VIG131080:VIG131081 VSC131080:VSC131081 WBY131080:WBY131081 WLU131080:WLU131081 WVQ131080:WVQ131081 I196616:I196617 JE196616:JE196617 TA196616:TA196617 ACW196616:ACW196617 AMS196616:AMS196617 AWO196616:AWO196617 BGK196616:BGK196617 BQG196616:BQG196617 CAC196616:CAC196617 CJY196616:CJY196617 CTU196616:CTU196617 DDQ196616:DDQ196617 DNM196616:DNM196617 DXI196616:DXI196617 EHE196616:EHE196617 ERA196616:ERA196617 FAW196616:FAW196617 FKS196616:FKS196617 FUO196616:FUO196617 GEK196616:GEK196617 GOG196616:GOG196617 GYC196616:GYC196617 HHY196616:HHY196617 HRU196616:HRU196617 IBQ196616:IBQ196617 ILM196616:ILM196617 IVI196616:IVI196617 JFE196616:JFE196617 JPA196616:JPA196617 JYW196616:JYW196617 KIS196616:KIS196617 KSO196616:KSO196617 LCK196616:LCK196617 LMG196616:LMG196617 LWC196616:LWC196617 MFY196616:MFY196617 MPU196616:MPU196617 MZQ196616:MZQ196617 NJM196616:NJM196617 NTI196616:NTI196617 ODE196616:ODE196617 ONA196616:ONA196617 OWW196616:OWW196617 PGS196616:PGS196617 PQO196616:PQO196617 QAK196616:QAK196617 QKG196616:QKG196617 QUC196616:QUC196617 RDY196616:RDY196617 RNU196616:RNU196617 RXQ196616:RXQ196617 SHM196616:SHM196617 SRI196616:SRI196617 TBE196616:TBE196617 TLA196616:TLA196617 TUW196616:TUW196617 UES196616:UES196617 UOO196616:UOO196617 UYK196616:UYK196617 VIG196616:VIG196617 VSC196616:VSC196617 WBY196616:WBY196617 WLU196616:WLU196617 WVQ196616:WVQ196617 I262152:I262153 JE262152:JE262153 TA262152:TA262153 ACW262152:ACW262153 AMS262152:AMS262153 AWO262152:AWO262153 BGK262152:BGK262153 BQG262152:BQG262153 CAC262152:CAC262153 CJY262152:CJY262153 CTU262152:CTU262153 DDQ262152:DDQ262153 DNM262152:DNM262153 DXI262152:DXI262153 EHE262152:EHE262153 ERA262152:ERA262153 FAW262152:FAW262153 FKS262152:FKS262153 FUO262152:FUO262153 GEK262152:GEK262153 GOG262152:GOG262153 GYC262152:GYC262153 HHY262152:HHY262153 HRU262152:HRU262153 IBQ262152:IBQ262153 ILM262152:ILM262153 IVI262152:IVI262153 JFE262152:JFE262153 JPA262152:JPA262153 JYW262152:JYW262153 KIS262152:KIS262153 KSO262152:KSO262153 LCK262152:LCK262153 LMG262152:LMG262153 LWC262152:LWC262153 MFY262152:MFY262153 MPU262152:MPU262153 MZQ262152:MZQ262153 NJM262152:NJM262153 NTI262152:NTI262153 ODE262152:ODE262153 ONA262152:ONA262153 OWW262152:OWW262153 PGS262152:PGS262153 PQO262152:PQO262153 QAK262152:QAK262153 QKG262152:QKG262153 QUC262152:QUC262153 RDY262152:RDY262153 RNU262152:RNU262153 RXQ262152:RXQ262153 SHM262152:SHM262153 SRI262152:SRI262153 TBE262152:TBE262153 TLA262152:TLA262153 TUW262152:TUW262153 UES262152:UES262153 UOO262152:UOO262153 UYK262152:UYK262153 VIG262152:VIG262153 VSC262152:VSC262153 WBY262152:WBY262153 WLU262152:WLU262153 WVQ262152:WVQ262153 I327688:I327689 JE327688:JE327689 TA327688:TA327689 ACW327688:ACW327689 AMS327688:AMS327689 AWO327688:AWO327689 BGK327688:BGK327689 BQG327688:BQG327689 CAC327688:CAC327689 CJY327688:CJY327689 CTU327688:CTU327689 DDQ327688:DDQ327689 DNM327688:DNM327689 DXI327688:DXI327689 EHE327688:EHE327689 ERA327688:ERA327689 FAW327688:FAW327689 FKS327688:FKS327689 FUO327688:FUO327689 GEK327688:GEK327689 GOG327688:GOG327689 GYC327688:GYC327689 HHY327688:HHY327689 HRU327688:HRU327689 IBQ327688:IBQ327689 ILM327688:ILM327689 IVI327688:IVI327689 JFE327688:JFE327689 JPA327688:JPA327689 JYW327688:JYW327689 KIS327688:KIS327689 KSO327688:KSO327689 LCK327688:LCK327689 LMG327688:LMG327689 LWC327688:LWC327689 MFY327688:MFY327689 MPU327688:MPU327689 MZQ327688:MZQ327689 NJM327688:NJM327689 NTI327688:NTI327689 ODE327688:ODE327689 ONA327688:ONA327689 OWW327688:OWW327689 PGS327688:PGS327689 PQO327688:PQO327689 QAK327688:QAK327689 QKG327688:QKG327689 QUC327688:QUC327689 RDY327688:RDY327689 RNU327688:RNU327689 RXQ327688:RXQ327689 SHM327688:SHM327689 SRI327688:SRI327689 TBE327688:TBE327689 TLA327688:TLA327689 TUW327688:TUW327689 UES327688:UES327689 UOO327688:UOO327689 UYK327688:UYK327689 VIG327688:VIG327689 VSC327688:VSC327689 WBY327688:WBY327689 WLU327688:WLU327689 WVQ327688:WVQ327689 I393224:I393225 JE393224:JE393225 TA393224:TA393225 ACW393224:ACW393225 AMS393224:AMS393225 AWO393224:AWO393225 BGK393224:BGK393225 BQG393224:BQG393225 CAC393224:CAC393225 CJY393224:CJY393225 CTU393224:CTU393225 DDQ393224:DDQ393225 DNM393224:DNM393225 DXI393224:DXI393225 EHE393224:EHE393225 ERA393224:ERA393225 FAW393224:FAW393225 FKS393224:FKS393225 FUO393224:FUO393225 GEK393224:GEK393225 GOG393224:GOG393225 GYC393224:GYC393225 HHY393224:HHY393225 HRU393224:HRU393225 IBQ393224:IBQ393225 ILM393224:ILM393225 IVI393224:IVI393225 JFE393224:JFE393225 JPA393224:JPA393225 JYW393224:JYW393225 KIS393224:KIS393225 KSO393224:KSO393225 LCK393224:LCK393225 LMG393224:LMG393225 LWC393224:LWC393225 MFY393224:MFY393225 MPU393224:MPU393225 MZQ393224:MZQ393225 NJM393224:NJM393225 NTI393224:NTI393225 ODE393224:ODE393225 ONA393224:ONA393225 OWW393224:OWW393225 PGS393224:PGS393225 PQO393224:PQO393225 QAK393224:QAK393225 QKG393224:QKG393225 QUC393224:QUC393225 RDY393224:RDY393225 RNU393224:RNU393225 RXQ393224:RXQ393225 SHM393224:SHM393225 SRI393224:SRI393225 TBE393224:TBE393225 TLA393224:TLA393225 TUW393224:TUW393225 UES393224:UES393225 UOO393224:UOO393225 UYK393224:UYK393225 VIG393224:VIG393225 VSC393224:VSC393225 WBY393224:WBY393225 WLU393224:WLU393225 WVQ393224:WVQ393225 I458760:I458761 JE458760:JE458761 TA458760:TA458761 ACW458760:ACW458761 AMS458760:AMS458761 AWO458760:AWO458761 BGK458760:BGK458761 BQG458760:BQG458761 CAC458760:CAC458761 CJY458760:CJY458761 CTU458760:CTU458761 DDQ458760:DDQ458761 DNM458760:DNM458761 DXI458760:DXI458761 EHE458760:EHE458761 ERA458760:ERA458761 FAW458760:FAW458761 FKS458760:FKS458761 FUO458760:FUO458761 GEK458760:GEK458761 GOG458760:GOG458761 GYC458760:GYC458761 HHY458760:HHY458761 HRU458760:HRU458761 IBQ458760:IBQ458761 ILM458760:ILM458761 IVI458760:IVI458761 JFE458760:JFE458761 JPA458760:JPA458761 JYW458760:JYW458761 KIS458760:KIS458761 KSO458760:KSO458761 LCK458760:LCK458761 LMG458760:LMG458761 LWC458760:LWC458761 MFY458760:MFY458761 MPU458760:MPU458761 MZQ458760:MZQ458761 NJM458760:NJM458761 NTI458760:NTI458761 ODE458760:ODE458761 ONA458760:ONA458761 OWW458760:OWW458761 PGS458760:PGS458761 PQO458760:PQO458761 QAK458760:QAK458761 QKG458760:QKG458761 QUC458760:QUC458761 RDY458760:RDY458761 RNU458760:RNU458761 RXQ458760:RXQ458761 SHM458760:SHM458761 SRI458760:SRI458761 TBE458760:TBE458761 TLA458760:TLA458761 TUW458760:TUW458761 UES458760:UES458761 UOO458760:UOO458761 UYK458760:UYK458761 VIG458760:VIG458761 VSC458760:VSC458761 WBY458760:WBY458761 WLU458760:WLU458761 WVQ458760:WVQ458761 I524296:I524297 JE524296:JE524297 TA524296:TA524297 ACW524296:ACW524297 AMS524296:AMS524297 AWO524296:AWO524297 BGK524296:BGK524297 BQG524296:BQG524297 CAC524296:CAC524297 CJY524296:CJY524297 CTU524296:CTU524297 DDQ524296:DDQ524297 DNM524296:DNM524297 DXI524296:DXI524297 EHE524296:EHE524297 ERA524296:ERA524297 FAW524296:FAW524297 FKS524296:FKS524297 FUO524296:FUO524297 GEK524296:GEK524297 GOG524296:GOG524297 GYC524296:GYC524297 HHY524296:HHY524297 HRU524296:HRU524297 IBQ524296:IBQ524297 ILM524296:ILM524297 IVI524296:IVI524297 JFE524296:JFE524297 JPA524296:JPA524297 JYW524296:JYW524297 KIS524296:KIS524297 KSO524296:KSO524297 LCK524296:LCK524297 LMG524296:LMG524297 LWC524296:LWC524297 MFY524296:MFY524297 MPU524296:MPU524297 MZQ524296:MZQ524297 NJM524296:NJM524297 NTI524296:NTI524297 ODE524296:ODE524297 ONA524296:ONA524297 OWW524296:OWW524297 PGS524296:PGS524297 PQO524296:PQO524297 QAK524296:QAK524297 QKG524296:QKG524297 QUC524296:QUC524297 RDY524296:RDY524297 RNU524296:RNU524297 RXQ524296:RXQ524297 SHM524296:SHM524297 SRI524296:SRI524297 TBE524296:TBE524297 TLA524296:TLA524297 TUW524296:TUW524297 UES524296:UES524297 UOO524296:UOO524297 UYK524296:UYK524297 VIG524296:VIG524297 VSC524296:VSC524297 WBY524296:WBY524297 WLU524296:WLU524297 WVQ524296:WVQ524297 I589832:I589833 JE589832:JE589833 TA589832:TA589833 ACW589832:ACW589833 AMS589832:AMS589833 AWO589832:AWO589833 BGK589832:BGK589833 BQG589832:BQG589833 CAC589832:CAC589833 CJY589832:CJY589833 CTU589832:CTU589833 DDQ589832:DDQ589833 DNM589832:DNM589833 DXI589832:DXI589833 EHE589832:EHE589833 ERA589832:ERA589833 FAW589832:FAW589833 FKS589832:FKS589833 FUO589832:FUO589833 GEK589832:GEK589833 GOG589832:GOG589833 GYC589832:GYC589833 HHY589832:HHY589833 HRU589832:HRU589833 IBQ589832:IBQ589833 ILM589832:ILM589833 IVI589832:IVI589833 JFE589832:JFE589833 JPA589832:JPA589833 JYW589832:JYW589833 KIS589832:KIS589833 KSO589832:KSO589833 LCK589832:LCK589833 LMG589832:LMG589833 LWC589832:LWC589833 MFY589832:MFY589833 MPU589832:MPU589833 MZQ589832:MZQ589833 NJM589832:NJM589833 NTI589832:NTI589833 ODE589832:ODE589833 ONA589832:ONA589833 OWW589832:OWW589833 PGS589832:PGS589833 PQO589832:PQO589833 QAK589832:QAK589833 QKG589832:QKG589833 QUC589832:QUC589833 RDY589832:RDY589833 RNU589832:RNU589833 RXQ589832:RXQ589833 SHM589832:SHM589833 SRI589832:SRI589833 TBE589832:TBE589833 TLA589832:TLA589833 TUW589832:TUW589833 UES589832:UES589833 UOO589832:UOO589833 UYK589832:UYK589833 VIG589832:VIG589833 VSC589832:VSC589833 WBY589832:WBY589833 WLU589832:WLU589833 WVQ589832:WVQ589833 I655368:I655369 JE655368:JE655369 TA655368:TA655369 ACW655368:ACW655369 AMS655368:AMS655369 AWO655368:AWO655369 BGK655368:BGK655369 BQG655368:BQG655369 CAC655368:CAC655369 CJY655368:CJY655369 CTU655368:CTU655369 DDQ655368:DDQ655369 DNM655368:DNM655369 DXI655368:DXI655369 EHE655368:EHE655369 ERA655368:ERA655369 FAW655368:FAW655369 FKS655368:FKS655369 FUO655368:FUO655369 GEK655368:GEK655369 GOG655368:GOG655369 GYC655368:GYC655369 HHY655368:HHY655369 HRU655368:HRU655369 IBQ655368:IBQ655369 ILM655368:ILM655369 IVI655368:IVI655369 JFE655368:JFE655369 JPA655368:JPA655369 JYW655368:JYW655369 KIS655368:KIS655369 KSO655368:KSO655369 LCK655368:LCK655369 LMG655368:LMG655369 LWC655368:LWC655369 MFY655368:MFY655369 MPU655368:MPU655369 MZQ655368:MZQ655369 NJM655368:NJM655369 NTI655368:NTI655369 ODE655368:ODE655369 ONA655368:ONA655369 OWW655368:OWW655369 PGS655368:PGS655369 PQO655368:PQO655369 QAK655368:QAK655369 QKG655368:QKG655369 QUC655368:QUC655369 RDY655368:RDY655369 RNU655368:RNU655369 RXQ655368:RXQ655369 SHM655368:SHM655369 SRI655368:SRI655369 TBE655368:TBE655369 TLA655368:TLA655369 TUW655368:TUW655369 UES655368:UES655369 UOO655368:UOO655369 UYK655368:UYK655369 VIG655368:VIG655369 VSC655368:VSC655369 WBY655368:WBY655369 WLU655368:WLU655369 WVQ655368:WVQ655369 I720904:I720905 JE720904:JE720905 TA720904:TA720905 ACW720904:ACW720905 AMS720904:AMS720905 AWO720904:AWO720905 BGK720904:BGK720905 BQG720904:BQG720905 CAC720904:CAC720905 CJY720904:CJY720905 CTU720904:CTU720905 DDQ720904:DDQ720905 DNM720904:DNM720905 DXI720904:DXI720905 EHE720904:EHE720905 ERA720904:ERA720905 FAW720904:FAW720905 FKS720904:FKS720905 FUO720904:FUO720905 GEK720904:GEK720905 GOG720904:GOG720905 GYC720904:GYC720905 HHY720904:HHY720905 HRU720904:HRU720905 IBQ720904:IBQ720905 ILM720904:ILM720905 IVI720904:IVI720905 JFE720904:JFE720905 JPA720904:JPA720905 JYW720904:JYW720905 KIS720904:KIS720905 KSO720904:KSO720905 LCK720904:LCK720905 LMG720904:LMG720905 LWC720904:LWC720905 MFY720904:MFY720905 MPU720904:MPU720905 MZQ720904:MZQ720905 NJM720904:NJM720905 NTI720904:NTI720905 ODE720904:ODE720905 ONA720904:ONA720905 OWW720904:OWW720905 PGS720904:PGS720905 PQO720904:PQO720905 QAK720904:QAK720905 QKG720904:QKG720905 QUC720904:QUC720905 RDY720904:RDY720905 RNU720904:RNU720905 RXQ720904:RXQ720905 SHM720904:SHM720905 SRI720904:SRI720905 TBE720904:TBE720905 TLA720904:TLA720905 TUW720904:TUW720905 UES720904:UES720905 UOO720904:UOO720905 UYK720904:UYK720905 VIG720904:VIG720905 VSC720904:VSC720905 WBY720904:WBY720905 WLU720904:WLU720905 WVQ720904:WVQ720905 I786440:I786441 JE786440:JE786441 TA786440:TA786441 ACW786440:ACW786441 AMS786440:AMS786441 AWO786440:AWO786441 BGK786440:BGK786441 BQG786440:BQG786441 CAC786440:CAC786441 CJY786440:CJY786441 CTU786440:CTU786441 DDQ786440:DDQ786441 DNM786440:DNM786441 DXI786440:DXI786441 EHE786440:EHE786441 ERA786440:ERA786441 FAW786440:FAW786441 FKS786440:FKS786441 FUO786440:FUO786441 GEK786440:GEK786441 GOG786440:GOG786441 GYC786440:GYC786441 HHY786440:HHY786441 HRU786440:HRU786441 IBQ786440:IBQ786441 ILM786440:ILM786441 IVI786440:IVI786441 JFE786440:JFE786441 JPA786440:JPA786441 JYW786440:JYW786441 KIS786440:KIS786441 KSO786440:KSO786441 LCK786440:LCK786441 LMG786440:LMG786441 LWC786440:LWC786441 MFY786440:MFY786441 MPU786440:MPU786441 MZQ786440:MZQ786441 NJM786440:NJM786441 NTI786440:NTI786441 ODE786440:ODE786441 ONA786440:ONA786441 OWW786440:OWW786441 PGS786440:PGS786441 PQO786440:PQO786441 QAK786440:QAK786441 QKG786440:QKG786441 QUC786440:QUC786441 RDY786440:RDY786441 RNU786440:RNU786441 RXQ786440:RXQ786441 SHM786440:SHM786441 SRI786440:SRI786441 TBE786440:TBE786441 TLA786440:TLA786441 TUW786440:TUW786441 UES786440:UES786441 UOO786440:UOO786441 UYK786440:UYK786441 VIG786440:VIG786441 VSC786440:VSC786441 WBY786440:WBY786441 WLU786440:WLU786441 WVQ786440:WVQ786441 I851976:I851977 JE851976:JE851977 TA851976:TA851977 ACW851976:ACW851977 AMS851976:AMS851977 AWO851976:AWO851977 BGK851976:BGK851977 BQG851976:BQG851977 CAC851976:CAC851977 CJY851976:CJY851977 CTU851976:CTU851977 DDQ851976:DDQ851977 DNM851976:DNM851977 DXI851976:DXI851977 EHE851976:EHE851977 ERA851976:ERA851977 FAW851976:FAW851977 FKS851976:FKS851977 FUO851976:FUO851977 GEK851976:GEK851977 GOG851976:GOG851977 GYC851976:GYC851977 HHY851976:HHY851977 HRU851976:HRU851977 IBQ851976:IBQ851977 ILM851976:ILM851977 IVI851976:IVI851977 JFE851976:JFE851977 JPA851976:JPA851977 JYW851976:JYW851977 KIS851976:KIS851977 KSO851976:KSO851977 LCK851976:LCK851977 LMG851976:LMG851977 LWC851976:LWC851977 MFY851976:MFY851977 MPU851976:MPU851977 MZQ851976:MZQ851977 NJM851976:NJM851977 NTI851976:NTI851977 ODE851976:ODE851977 ONA851976:ONA851977 OWW851976:OWW851977 PGS851976:PGS851977 PQO851976:PQO851977 QAK851976:QAK851977 QKG851976:QKG851977 QUC851976:QUC851977 RDY851976:RDY851977 RNU851976:RNU851977 RXQ851976:RXQ851977 SHM851976:SHM851977 SRI851976:SRI851977 TBE851976:TBE851977 TLA851976:TLA851977 TUW851976:TUW851977 UES851976:UES851977 UOO851976:UOO851977 UYK851976:UYK851977 VIG851976:VIG851977 VSC851976:VSC851977 WBY851976:WBY851977 WLU851976:WLU851977 WVQ851976:WVQ851977 I917512:I917513 JE917512:JE917513 TA917512:TA917513 ACW917512:ACW917513 AMS917512:AMS917513 AWO917512:AWO917513 BGK917512:BGK917513 BQG917512:BQG917513 CAC917512:CAC917513 CJY917512:CJY917513 CTU917512:CTU917513 DDQ917512:DDQ917513 DNM917512:DNM917513 DXI917512:DXI917513 EHE917512:EHE917513 ERA917512:ERA917513 FAW917512:FAW917513 FKS917512:FKS917513 FUO917512:FUO917513 GEK917512:GEK917513 GOG917512:GOG917513 GYC917512:GYC917513 HHY917512:HHY917513 HRU917512:HRU917513 IBQ917512:IBQ917513 ILM917512:ILM917513 IVI917512:IVI917513 JFE917512:JFE917513 JPA917512:JPA917513 JYW917512:JYW917513 KIS917512:KIS917513 KSO917512:KSO917513 LCK917512:LCK917513 LMG917512:LMG917513 LWC917512:LWC917513 MFY917512:MFY917513 MPU917512:MPU917513 MZQ917512:MZQ917513 NJM917512:NJM917513 NTI917512:NTI917513 ODE917512:ODE917513 ONA917512:ONA917513 OWW917512:OWW917513 PGS917512:PGS917513 PQO917512:PQO917513 QAK917512:QAK917513 QKG917512:QKG917513 QUC917512:QUC917513 RDY917512:RDY917513 RNU917512:RNU917513 RXQ917512:RXQ917513 SHM917512:SHM917513 SRI917512:SRI917513 TBE917512:TBE917513 TLA917512:TLA917513 TUW917512:TUW917513 UES917512:UES917513 UOO917512:UOO917513 UYK917512:UYK917513 VIG917512:VIG917513 VSC917512:VSC917513 WBY917512:WBY917513 WLU917512:WLU917513 WVQ917512:WVQ917513 I983048:I983049 JE983048:JE983049 TA983048:TA983049 ACW983048:ACW983049 AMS983048:AMS983049 AWO983048:AWO983049 BGK983048:BGK983049 BQG983048:BQG983049 CAC983048:CAC983049 CJY983048:CJY983049 CTU983048:CTU983049 DDQ983048:DDQ983049 DNM983048:DNM983049 DXI983048:DXI983049 EHE983048:EHE983049 ERA983048:ERA983049 FAW983048:FAW983049 FKS983048:FKS983049 FUO983048:FUO983049 GEK983048:GEK983049 GOG983048:GOG983049 GYC983048:GYC983049 HHY983048:HHY983049 HRU983048:HRU983049 IBQ983048:IBQ983049 ILM983048:ILM983049 IVI983048:IVI983049 JFE983048:JFE983049 JPA983048:JPA983049 JYW983048:JYW983049 KIS983048:KIS983049 KSO983048:KSO983049 LCK983048:LCK983049 LMG983048:LMG983049 LWC983048:LWC983049 MFY983048:MFY983049 MPU983048:MPU983049 MZQ983048:MZQ983049 NJM983048:NJM983049 NTI983048:NTI983049 ODE983048:ODE983049 ONA983048:ONA983049 OWW983048:OWW983049 PGS983048:PGS983049 PQO983048:PQO983049 QAK983048:QAK983049 QKG983048:QKG983049 QUC983048:QUC983049 RDY983048:RDY983049 RNU983048:RNU983049 RXQ983048:RXQ983049 SHM983048:SHM983049 SRI983048:SRI983049 TBE983048:TBE983049 TLA983048:TLA983049 TUW983048:TUW983049 UES983048:UES983049 UOO983048:UOO983049 UYK983048:UYK983049 VIG983048:VIG983049 VSC983048:VSC983049 WBY983048:WBY983049 WLU983048:WLU983049 WVQ983048:WVQ983049 M8:M9 JI8:JI9 TE8:TE9 ADA8:ADA9 AMW8:AMW9 AWS8:AWS9 BGO8:BGO9 BQK8:BQK9 CAG8:CAG9 CKC8:CKC9 CTY8:CTY9 DDU8:DDU9 DNQ8:DNQ9 DXM8:DXM9 EHI8:EHI9 ERE8:ERE9 FBA8:FBA9 FKW8:FKW9 FUS8:FUS9 GEO8:GEO9 GOK8:GOK9 GYG8:GYG9 HIC8:HIC9 HRY8:HRY9 IBU8:IBU9 ILQ8:ILQ9 IVM8:IVM9 JFI8:JFI9 JPE8:JPE9 JZA8:JZA9 KIW8:KIW9 KSS8:KSS9 LCO8:LCO9 LMK8:LMK9 LWG8:LWG9 MGC8:MGC9 MPY8:MPY9 MZU8:MZU9 NJQ8:NJQ9 NTM8:NTM9 ODI8:ODI9 ONE8:ONE9 OXA8:OXA9 PGW8:PGW9 PQS8:PQS9 QAO8:QAO9 QKK8:QKK9 QUG8:QUG9 REC8:REC9 RNY8:RNY9 RXU8:RXU9 SHQ8:SHQ9 SRM8:SRM9 TBI8:TBI9 TLE8:TLE9 TVA8:TVA9 UEW8:UEW9 UOS8:UOS9 UYO8:UYO9 VIK8:VIK9 VSG8:VSG9 WCC8:WCC9 WLY8:WLY9 WVU8:WVU9 M65544:M65545 JI65544:JI65545 TE65544:TE65545 ADA65544:ADA65545 AMW65544:AMW65545 AWS65544:AWS65545 BGO65544:BGO65545 BQK65544:BQK65545 CAG65544:CAG65545 CKC65544:CKC65545 CTY65544:CTY65545 DDU65544:DDU65545 DNQ65544:DNQ65545 DXM65544:DXM65545 EHI65544:EHI65545 ERE65544:ERE65545 FBA65544:FBA65545 FKW65544:FKW65545 FUS65544:FUS65545 GEO65544:GEO65545 GOK65544:GOK65545 GYG65544:GYG65545 HIC65544:HIC65545 HRY65544:HRY65545 IBU65544:IBU65545 ILQ65544:ILQ65545 IVM65544:IVM65545 JFI65544:JFI65545 JPE65544:JPE65545 JZA65544:JZA65545 KIW65544:KIW65545 KSS65544:KSS65545 LCO65544:LCO65545 LMK65544:LMK65545 LWG65544:LWG65545 MGC65544:MGC65545 MPY65544:MPY65545 MZU65544:MZU65545 NJQ65544:NJQ65545 NTM65544:NTM65545 ODI65544:ODI65545 ONE65544:ONE65545 OXA65544:OXA65545 PGW65544:PGW65545 PQS65544:PQS65545 QAO65544:QAO65545 QKK65544:QKK65545 QUG65544:QUG65545 REC65544:REC65545 RNY65544:RNY65545 RXU65544:RXU65545 SHQ65544:SHQ65545 SRM65544:SRM65545 TBI65544:TBI65545 TLE65544:TLE65545 TVA65544:TVA65545 UEW65544:UEW65545 UOS65544:UOS65545 UYO65544:UYO65545 VIK65544:VIK65545 VSG65544:VSG65545 WCC65544:WCC65545 WLY65544:WLY65545 WVU65544:WVU65545 M131080:M131081 JI131080:JI131081 TE131080:TE131081 ADA131080:ADA131081 AMW131080:AMW131081 AWS131080:AWS131081 BGO131080:BGO131081 BQK131080:BQK131081 CAG131080:CAG131081 CKC131080:CKC131081 CTY131080:CTY131081 DDU131080:DDU131081 DNQ131080:DNQ131081 DXM131080:DXM131081 EHI131080:EHI131081 ERE131080:ERE131081 FBA131080:FBA131081 FKW131080:FKW131081 FUS131080:FUS131081 GEO131080:GEO131081 GOK131080:GOK131081 GYG131080:GYG131081 HIC131080:HIC131081 HRY131080:HRY131081 IBU131080:IBU131081 ILQ131080:ILQ131081 IVM131080:IVM131081 JFI131080:JFI131081 JPE131080:JPE131081 JZA131080:JZA131081 KIW131080:KIW131081 KSS131080:KSS131081 LCO131080:LCO131081 LMK131080:LMK131081 LWG131080:LWG131081 MGC131080:MGC131081 MPY131080:MPY131081 MZU131080:MZU131081 NJQ131080:NJQ131081 NTM131080:NTM131081 ODI131080:ODI131081 ONE131080:ONE131081 OXA131080:OXA131081 PGW131080:PGW131081 PQS131080:PQS131081 QAO131080:QAO131081 QKK131080:QKK131081 QUG131080:QUG131081 REC131080:REC131081 RNY131080:RNY131081 RXU131080:RXU131081 SHQ131080:SHQ131081 SRM131080:SRM131081 TBI131080:TBI131081 TLE131080:TLE131081 TVA131080:TVA131081 UEW131080:UEW131081 UOS131080:UOS131081 UYO131080:UYO131081 VIK131080:VIK131081 VSG131080:VSG131081 WCC131080:WCC131081 WLY131080:WLY131081 WVU131080:WVU131081 M196616:M196617 JI196616:JI196617 TE196616:TE196617 ADA196616:ADA196617 AMW196616:AMW196617 AWS196616:AWS196617 BGO196616:BGO196617 BQK196616:BQK196617 CAG196616:CAG196617 CKC196616:CKC196617 CTY196616:CTY196617 DDU196616:DDU196617 DNQ196616:DNQ196617 DXM196616:DXM196617 EHI196616:EHI196617 ERE196616:ERE196617 FBA196616:FBA196617 FKW196616:FKW196617 FUS196616:FUS196617 GEO196616:GEO196617 GOK196616:GOK196617 GYG196616:GYG196617 HIC196616:HIC196617 HRY196616:HRY196617 IBU196616:IBU196617 ILQ196616:ILQ196617 IVM196616:IVM196617 JFI196616:JFI196617 JPE196616:JPE196617 JZA196616:JZA196617 KIW196616:KIW196617 KSS196616:KSS196617 LCO196616:LCO196617 LMK196616:LMK196617 LWG196616:LWG196617 MGC196616:MGC196617 MPY196616:MPY196617 MZU196616:MZU196617 NJQ196616:NJQ196617 NTM196616:NTM196617 ODI196616:ODI196617 ONE196616:ONE196617 OXA196616:OXA196617 PGW196616:PGW196617 PQS196616:PQS196617 QAO196616:QAO196617 QKK196616:QKK196617 QUG196616:QUG196617 REC196616:REC196617 RNY196616:RNY196617 RXU196616:RXU196617 SHQ196616:SHQ196617 SRM196616:SRM196617 TBI196616:TBI196617 TLE196616:TLE196617 TVA196616:TVA196617 UEW196616:UEW196617 UOS196616:UOS196617 UYO196616:UYO196617 VIK196616:VIK196617 VSG196616:VSG196617 WCC196616:WCC196617 WLY196616:WLY196617 WVU196616:WVU196617 M262152:M262153 JI262152:JI262153 TE262152:TE262153 ADA262152:ADA262153 AMW262152:AMW262153 AWS262152:AWS262153 BGO262152:BGO262153 BQK262152:BQK262153 CAG262152:CAG262153 CKC262152:CKC262153 CTY262152:CTY262153 DDU262152:DDU262153 DNQ262152:DNQ262153 DXM262152:DXM262153 EHI262152:EHI262153 ERE262152:ERE262153 FBA262152:FBA262153 FKW262152:FKW262153 FUS262152:FUS262153 GEO262152:GEO262153 GOK262152:GOK262153 GYG262152:GYG262153 HIC262152:HIC262153 HRY262152:HRY262153 IBU262152:IBU262153 ILQ262152:ILQ262153 IVM262152:IVM262153 JFI262152:JFI262153 JPE262152:JPE262153 JZA262152:JZA262153 KIW262152:KIW262153 KSS262152:KSS262153 LCO262152:LCO262153 LMK262152:LMK262153 LWG262152:LWG262153 MGC262152:MGC262153 MPY262152:MPY262153 MZU262152:MZU262153 NJQ262152:NJQ262153 NTM262152:NTM262153 ODI262152:ODI262153 ONE262152:ONE262153 OXA262152:OXA262153 PGW262152:PGW262153 PQS262152:PQS262153 QAO262152:QAO262153 QKK262152:QKK262153 QUG262152:QUG262153 REC262152:REC262153 RNY262152:RNY262153 RXU262152:RXU262153 SHQ262152:SHQ262153 SRM262152:SRM262153 TBI262152:TBI262153 TLE262152:TLE262153 TVA262152:TVA262153 UEW262152:UEW262153 UOS262152:UOS262153 UYO262152:UYO262153 VIK262152:VIK262153 VSG262152:VSG262153 WCC262152:WCC262153 WLY262152:WLY262153 WVU262152:WVU262153 M327688:M327689 JI327688:JI327689 TE327688:TE327689 ADA327688:ADA327689 AMW327688:AMW327689 AWS327688:AWS327689 BGO327688:BGO327689 BQK327688:BQK327689 CAG327688:CAG327689 CKC327688:CKC327689 CTY327688:CTY327689 DDU327688:DDU327689 DNQ327688:DNQ327689 DXM327688:DXM327689 EHI327688:EHI327689 ERE327688:ERE327689 FBA327688:FBA327689 FKW327688:FKW327689 FUS327688:FUS327689 GEO327688:GEO327689 GOK327688:GOK327689 GYG327688:GYG327689 HIC327688:HIC327689 HRY327688:HRY327689 IBU327688:IBU327689 ILQ327688:ILQ327689 IVM327688:IVM327689 JFI327688:JFI327689 JPE327688:JPE327689 JZA327688:JZA327689 KIW327688:KIW327689 KSS327688:KSS327689 LCO327688:LCO327689 LMK327688:LMK327689 LWG327688:LWG327689 MGC327688:MGC327689 MPY327688:MPY327689 MZU327688:MZU327689 NJQ327688:NJQ327689 NTM327688:NTM327689 ODI327688:ODI327689 ONE327688:ONE327689 OXA327688:OXA327689 PGW327688:PGW327689 PQS327688:PQS327689 QAO327688:QAO327689 QKK327688:QKK327689 QUG327688:QUG327689 REC327688:REC327689 RNY327688:RNY327689 RXU327688:RXU327689 SHQ327688:SHQ327689 SRM327688:SRM327689 TBI327688:TBI327689 TLE327688:TLE327689 TVA327688:TVA327689 UEW327688:UEW327689 UOS327688:UOS327689 UYO327688:UYO327689 VIK327688:VIK327689 VSG327688:VSG327689 WCC327688:WCC327689 WLY327688:WLY327689 WVU327688:WVU327689 M393224:M393225 JI393224:JI393225 TE393224:TE393225 ADA393224:ADA393225 AMW393224:AMW393225 AWS393224:AWS393225 BGO393224:BGO393225 BQK393224:BQK393225 CAG393224:CAG393225 CKC393224:CKC393225 CTY393224:CTY393225 DDU393224:DDU393225 DNQ393224:DNQ393225 DXM393224:DXM393225 EHI393224:EHI393225 ERE393224:ERE393225 FBA393224:FBA393225 FKW393224:FKW393225 FUS393224:FUS393225 GEO393224:GEO393225 GOK393224:GOK393225 GYG393224:GYG393225 HIC393224:HIC393225 HRY393224:HRY393225 IBU393224:IBU393225 ILQ393224:ILQ393225 IVM393224:IVM393225 JFI393224:JFI393225 JPE393224:JPE393225 JZA393224:JZA393225 KIW393224:KIW393225 KSS393224:KSS393225 LCO393224:LCO393225 LMK393224:LMK393225 LWG393224:LWG393225 MGC393224:MGC393225 MPY393224:MPY393225 MZU393224:MZU393225 NJQ393224:NJQ393225 NTM393224:NTM393225 ODI393224:ODI393225 ONE393224:ONE393225 OXA393224:OXA393225 PGW393224:PGW393225 PQS393224:PQS393225 QAO393224:QAO393225 QKK393224:QKK393225 QUG393224:QUG393225 REC393224:REC393225 RNY393224:RNY393225 RXU393224:RXU393225 SHQ393224:SHQ393225 SRM393224:SRM393225 TBI393224:TBI393225 TLE393224:TLE393225 TVA393224:TVA393225 UEW393224:UEW393225 UOS393224:UOS393225 UYO393224:UYO393225 VIK393224:VIK393225 VSG393224:VSG393225 WCC393224:WCC393225 WLY393224:WLY393225 WVU393224:WVU393225 M458760:M458761 JI458760:JI458761 TE458760:TE458761 ADA458760:ADA458761 AMW458760:AMW458761 AWS458760:AWS458761 BGO458760:BGO458761 BQK458760:BQK458761 CAG458760:CAG458761 CKC458760:CKC458761 CTY458760:CTY458761 DDU458760:DDU458761 DNQ458760:DNQ458761 DXM458760:DXM458761 EHI458760:EHI458761 ERE458760:ERE458761 FBA458760:FBA458761 FKW458760:FKW458761 FUS458760:FUS458761 GEO458760:GEO458761 GOK458760:GOK458761 GYG458760:GYG458761 HIC458760:HIC458761 HRY458760:HRY458761 IBU458760:IBU458761 ILQ458760:ILQ458761 IVM458760:IVM458761 JFI458760:JFI458761 JPE458760:JPE458761 JZA458760:JZA458761 KIW458760:KIW458761 KSS458760:KSS458761 LCO458760:LCO458761 LMK458760:LMK458761 LWG458760:LWG458761 MGC458760:MGC458761 MPY458760:MPY458761 MZU458760:MZU458761 NJQ458760:NJQ458761 NTM458760:NTM458761 ODI458760:ODI458761 ONE458760:ONE458761 OXA458760:OXA458761 PGW458760:PGW458761 PQS458760:PQS458761 QAO458760:QAO458761 QKK458760:QKK458761 QUG458760:QUG458761 REC458760:REC458761 RNY458760:RNY458761 RXU458760:RXU458761 SHQ458760:SHQ458761 SRM458760:SRM458761 TBI458760:TBI458761 TLE458760:TLE458761 TVA458760:TVA458761 UEW458760:UEW458761 UOS458760:UOS458761 UYO458760:UYO458761 VIK458760:VIK458761 VSG458760:VSG458761 WCC458760:WCC458761 WLY458760:WLY458761 WVU458760:WVU458761 M524296:M524297 JI524296:JI524297 TE524296:TE524297 ADA524296:ADA524297 AMW524296:AMW524297 AWS524296:AWS524297 BGO524296:BGO524297 BQK524296:BQK524297 CAG524296:CAG524297 CKC524296:CKC524297 CTY524296:CTY524297 DDU524296:DDU524297 DNQ524296:DNQ524297 DXM524296:DXM524297 EHI524296:EHI524297 ERE524296:ERE524297 FBA524296:FBA524297 FKW524296:FKW524297 FUS524296:FUS524297 GEO524296:GEO524297 GOK524296:GOK524297 GYG524296:GYG524297 HIC524296:HIC524297 HRY524296:HRY524297 IBU524296:IBU524297 ILQ524296:ILQ524297 IVM524296:IVM524297 JFI524296:JFI524297 JPE524296:JPE524297 JZA524296:JZA524297 KIW524296:KIW524297 KSS524296:KSS524297 LCO524296:LCO524297 LMK524296:LMK524297 LWG524296:LWG524297 MGC524296:MGC524297 MPY524296:MPY524297 MZU524296:MZU524297 NJQ524296:NJQ524297 NTM524296:NTM524297 ODI524296:ODI524297 ONE524296:ONE524297 OXA524296:OXA524297 PGW524296:PGW524297 PQS524296:PQS524297 QAO524296:QAO524297 QKK524296:QKK524297 QUG524296:QUG524297 REC524296:REC524297 RNY524296:RNY524297 RXU524296:RXU524297 SHQ524296:SHQ524297 SRM524296:SRM524297 TBI524296:TBI524297 TLE524296:TLE524297 TVA524296:TVA524297 UEW524296:UEW524297 UOS524296:UOS524297 UYO524296:UYO524297 VIK524296:VIK524297 VSG524296:VSG524297 WCC524296:WCC524297 WLY524296:WLY524297 WVU524296:WVU524297 M589832:M589833 JI589832:JI589833 TE589832:TE589833 ADA589832:ADA589833 AMW589832:AMW589833 AWS589832:AWS589833 BGO589832:BGO589833 BQK589832:BQK589833 CAG589832:CAG589833 CKC589832:CKC589833 CTY589832:CTY589833 DDU589832:DDU589833 DNQ589832:DNQ589833 DXM589832:DXM589833 EHI589832:EHI589833 ERE589832:ERE589833 FBA589832:FBA589833 FKW589832:FKW589833 FUS589832:FUS589833 GEO589832:GEO589833 GOK589832:GOK589833 GYG589832:GYG589833 HIC589832:HIC589833 HRY589832:HRY589833 IBU589832:IBU589833 ILQ589832:ILQ589833 IVM589832:IVM589833 JFI589832:JFI589833 JPE589832:JPE589833 JZA589832:JZA589833 KIW589832:KIW589833 KSS589832:KSS589833 LCO589832:LCO589833 LMK589832:LMK589833 LWG589832:LWG589833 MGC589832:MGC589833 MPY589832:MPY589833 MZU589832:MZU589833 NJQ589832:NJQ589833 NTM589832:NTM589833 ODI589832:ODI589833 ONE589832:ONE589833 OXA589832:OXA589833 PGW589832:PGW589833 PQS589832:PQS589833 QAO589832:QAO589833 QKK589832:QKK589833 QUG589832:QUG589833 REC589832:REC589833 RNY589832:RNY589833 RXU589832:RXU589833 SHQ589832:SHQ589833 SRM589832:SRM589833 TBI589832:TBI589833 TLE589832:TLE589833 TVA589832:TVA589833 UEW589832:UEW589833 UOS589832:UOS589833 UYO589832:UYO589833 VIK589832:VIK589833 VSG589832:VSG589833 WCC589832:WCC589833 WLY589832:WLY589833 WVU589832:WVU589833 M655368:M655369 JI655368:JI655369 TE655368:TE655369 ADA655368:ADA655369 AMW655368:AMW655369 AWS655368:AWS655369 BGO655368:BGO655369 BQK655368:BQK655369 CAG655368:CAG655369 CKC655368:CKC655369 CTY655368:CTY655369 DDU655368:DDU655369 DNQ655368:DNQ655369 DXM655368:DXM655369 EHI655368:EHI655369 ERE655368:ERE655369 FBA655368:FBA655369 FKW655368:FKW655369 FUS655368:FUS655369 GEO655368:GEO655369 GOK655368:GOK655369 GYG655368:GYG655369 HIC655368:HIC655369 HRY655368:HRY655369 IBU655368:IBU655369 ILQ655368:ILQ655369 IVM655368:IVM655369 JFI655368:JFI655369 JPE655368:JPE655369 JZA655368:JZA655369 KIW655368:KIW655369 KSS655368:KSS655369 LCO655368:LCO655369 LMK655368:LMK655369 LWG655368:LWG655369 MGC655368:MGC655369 MPY655368:MPY655369 MZU655368:MZU655369 NJQ655368:NJQ655369 NTM655368:NTM655369 ODI655368:ODI655369 ONE655368:ONE655369 OXA655368:OXA655369 PGW655368:PGW655369 PQS655368:PQS655369 QAO655368:QAO655369 QKK655368:QKK655369 QUG655368:QUG655369 REC655368:REC655369 RNY655368:RNY655369 RXU655368:RXU655369 SHQ655368:SHQ655369 SRM655368:SRM655369 TBI655368:TBI655369 TLE655368:TLE655369 TVA655368:TVA655369 UEW655368:UEW655369 UOS655368:UOS655369 UYO655368:UYO655369 VIK655368:VIK655369 VSG655368:VSG655369 WCC655368:WCC655369 WLY655368:WLY655369 WVU655368:WVU655369 M720904:M720905 JI720904:JI720905 TE720904:TE720905 ADA720904:ADA720905 AMW720904:AMW720905 AWS720904:AWS720905 BGO720904:BGO720905 BQK720904:BQK720905 CAG720904:CAG720905 CKC720904:CKC720905 CTY720904:CTY720905 DDU720904:DDU720905 DNQ720904:DNQ720905 DXM720904:DXM720905 EHI720904:EHI720905 ERE720904:ERE720905 FBA720904:FBA720905 FKW720904:FKW720905 FUS720904:FUS720905 GEO720904:GEO720905 GOK720904:GOK720905 GYG720904:GYG720905 HIC720904:HIC720905 HRY720904:HRY720905 IBU720904:IBU720905 ILQ720904:ILQ720905 IVM720904:IVM720905 JFI720904:JFI720905 JPE720904:JPE720905 JZA720904:JZA720905 KIW720904:KIW720905 KSS720904:KSS720905 LCO720904:LCO720905 LMK720904:LMK720905 LWG720904:LWG720905 MGC720904:MGC720905 MPY720904:MPY720905 MZU720904:MZU720905 NJQ720904:NJQ720905 NTM720904:NTM720905 ODI720904:ODI720905 ONE720904:ONE720905 OXA720904:OXA720905 PGW720904:PGW720905 PQS720904:PQS720905 QAO720904:QAO720905 QKK720904:QKK720905 QUG720904:QUG720905 REC720904:REC720905 RNY720904:RNY720905 RXU720904:RXU720905 SHQ720904:SHQ720905 SRM720904:SRM720905 TBI720904:TBI720905 TLE720904:TLE720905 TVA720904:TVA720905 UEW720904:UEW720905 UOS720904:UOS720905 UYO720904:UYO720905 VIK720904:VIK720905 VSG720904:VSG720905 WCC720904:WCC720905 WLY720904:WLY720905 WVU720904:WVU720905 M786440:M786441 JI786440:JI786441 TE786440:TE786441 ADA786440:ADA786441 AMW786440:AMW786441 AWS786440:AWS786441 BGO786440:BGO786441 BQK786440:BQK786441 CAG786440:CAG786441 CKC786440:CKC786441 CTY786440:CTY786441 DDU786440:DDU786441 DNQ786440:DNQ786441 DXM786440:DXM786441 EHI786440:EHI786441 ERE786440:ERE786441 FBA786440:FBA786441 FKW786440:FKW786441 FUS786440:FUS786441 GEO786440:GEO786441 GOK786440:GOK786441 GYG786440:GYG786441 HIC786440:HIC786441 HRY786440:HRY786441 IBU786440:IBU786441 ILQ786440:ILQ786441 IVM786440:IVM786441 JFI786440:JFI786441 JPE786440:JPE786441 JZA786440:JZA786441 KIW786440:KIW786441 KSS786440:KSS786441 LCO786440:LCO786441 LMK786440:LMK786441 LWG786440:LWG786441 MGC786440:MGC786441 MPY786440:MPY786441 MZU786440:MZU786441 NJQ786440:NJQ786441 NTM786440:NTM786441 ODI786440:ODI786441 ONE786440:ONE786441 OXA786440:OXA786441 PGW786440:PGW786441 PQS786440:PQS786441 QAO786440:QAO786441 QKK786440:QKK786441 QUG786440:QUG786441 REC786440:REC786441 RNY786440:RNY786441 RXU786440:RXU786441 SHQ786440:SHQ786441 SRM786440:SRM786441 TBI786440:TBI786441 TLE786440:TLE786441 TVA786440:TVA786441 UEW786440:UEW786441 UOS786440:UOS786441 UYO786440:UYO786441 VIK786440:VIK786441 VSG786440:VSG786441 WCC786440:WCC786441 WLY786440:WLY786441 WVU786440:WVU786441 M851976:M851977 JI851976:JI851977 TE851976:TE851977 ADA851976:ADA851977 AMW851976:AMW851977 AWS851976:AWS851977 BGO851976:BGO851977 BQK851976:BQK851977 CAG851976:CAG851977 CKC851976:CKC851977 CTY851976:CTY851977 DDU851976:DDU851977 DNQ851976:DNQ851977 DXM851976:DXM851977 EHI851976:EHI851977 ERE851976:ERE851977 FBA851976:FBA851977 FKW851976:FKW851977 FUS851976:FUS851977 GEO851976:GEO851977 GOK851976:GOK851977 GYG851976:GYG851977 HIC851976:HIC851977 HRY851976:HRY851977 IBU851976:IBU851977 ILQ851976:ILQ851977 IVM851976:IVM851977 JFI851976:JFI851977 JPE851976:JPE851977 JZA851976:JZA851977 KIW851976:KIW851977 KSS851976:KSS851977 LCO851976:LCO851977 LMK851976:LMK851977 LWG851976:LWG851977 MGC851976:MGC851977 MPY851976:MPY851977 MZU851976:MZU851977 NJQ851976:NJQ851977 NTM851976:NTM851977 ODI851976:ODI851977 ONE851976:ONE851977 OXA851976:OXA851977 PGW851976:PGW851977 PQS851976:PQS851977 QAO851976:QAO851977 QKK851976:QKK851977 QUG851976:QUG851977 REC851976:REC851977 RNY851976:RNY851977 RXU851976:RXU851977 SHQ851976:SHQ851977 SRM851976:SRM851977 TBI851976:TBI851977 TLE851976:TLE851977 TVA851976:TVA851977 UEW851976:UEW851977 UOS851976:UOS851977 UYO851976:UYO851977 VIK851976:VIK851977 VSG851976:VSG851977 WCC851976:WCC851977 WLY851976:WLY851977 WVU851976:WVU851977 M917512:M917513 JI917512:JI917513 TE917512:TE917513 ADA917512:ADA917513 AMW917512:AMW917513 AWS917512:AWS917513 BGO917512:BGO917513 BQK917512:BQK917513 CAG917512:CAG917513 CKC917512:CKC917513 CTY917512:CTY917513 DDU917512:DDU917513 DNQ917512:DNQ917513 DXM917512:DXM917513 EHI917512:EHI917513 ERE917512:ERE917513 FBA917512:FBA917513 FKW917512:FKW917513 FUS917512:FUS917513 GEO917512:GEO917513 GOK917512:GOK917513 GYG917512:GYG917513 HIC917512:HIC917513 HRY917512:HRY917513 IBU917512:IBU917513 ILQ917512:ILQ917513 IVM917512:IVM917513 JFI917512:JFI917513 JPE917512:JPE917513 JZA917512:JZA917513 KIW917512:KIW917513 KSS917512:KSS917513 LCO917512:LCO917513 LMK917512:LMK917513 LWG917512:LWG917513 MGC917512:MGC917513 MPY917512:MPY917513 MZU917512:MZU917513 NJQ917512:NJQ917513 NTM917512:NTM917513 ODI917512:ODI917513 ONE917512:ONE917513 OXA917512:OXA917513 PGW917512:PGW917513 PQS917512:PQS917513 QAO917512:QAO917513 QKK917512:QKK917513 QUG917512:QUG917513 REC917512:REC917513 RNY917512:RNY917513 RXU917512:RXU917513 SHQ917512:SHQ917513 SRM917512:SRM917513 TBI917512:TBI917513 TLE917512:TLE917513 TVA917512:TVA917513 UEW917512:UEW917513 UOS917512:UOS917513 UYO917512:UYO917513 VIK917512:VIK917513 VSG917512:VSG917513 WCC917512:WCC917513 WLY917512:WLY917513 WVU917512:WVU917513 M983048:M983049 JI983048:JI983049 TE983048:TE983049 ADA983048:ADA983049 AMW983048:AMW983049 AWS983048:AWS983049 BGO983048:BGO983049 BQK983048:BQK983049 CAG983048:CAG983049 CKC983048:CKC983049 CTY983048:CTY983049 DDU983048:DDU983049 DNQ983048:DNQ983049 DXM983048:DXM983049 EHI983048:EHI983049 ERE983048:ERE983049 FBA983048:FBA983049 FKW983048:FKW983049 FUS983048:FUS983049 GEO983048:GEO983049 GOK983048:GOK983049 GYG983048:GYG983049 HIC983048:HIC983049 HRY983048:HRY983049 IBU983048:IBU983049 ILQ983048:ILQ983049 IVM983048:IVM983049 JFI983048:JFI983049 JPE983048:JPE983049 JZA983048:JZA983049 KIW983048:KIW983049 KSS983048:KSS983049 LCO983048:LCO983049 LMK983048:LMK983049 LWG983048:LWG983049 MGC983048:MGC983049 MPY983048:MPY983049 MZU983048:MZU983049 NJQ983048:NJQ983049 NTM983048:NTM983049 ODI983048:ODI983049 ONE983048:ONE983049 OXA983048:OXA983049 PGW983048:PGW983049 PQS983048:PQS983049 QAO983048:QAO983049 QKK983048:QKK983049 QUG983048:QUG983049 REC983048:REC983049 RNY983048:RNY983049 RXU983048:RXU983049 SHQ983048:SHQ983049 SRM983048:SRM983049 TBI983048:TBI983049 TLE983048:TLE983049 TVA983048:TVA983049 UEW983048:UEW983049 UOS983048:UOS983049 UYO983048:UYO983049 VIK983048:VIK983049 VSG983048:VSG983049 WCC983048:WCC983049 WLY983048:WLY983049 WVU983048:WVU983049 Q8:Q9 JM8:JM9 TI8:TI9 ADE8:ADE9 ANA8:ANA9 AWW8:AWW9 BGS8:BGS9 BQO8:BQO9 CAK8:CAK9 CKG8:CKG9 CUC8:CUC9 DDY8:DDY9 DNU8:DNU9 DXQ8:DXQ9 EHM8:EHM9 ERI8:ERI9 FBE8:FBE9 FLA8:FLA9 FUW8:FUW9 GES8:GES9 GOO8:GOO9 GYK8:GYK9 HIG8:HIG9 HSC8:HSC9 IBY8:IBY9 ILU8:ILU9 IVQ8:IVQ9 JFM8:JFM9 JPI8:JPI9 JZE8:JZE9 KJA8:KJA9 KSW8:KSW9 LCS8:LCS9 LMO8:LMO9 LWK8:LWK9 MGG8:MGG9 MQC8:MQC9 MZY8:MZY9 NJU8:NJU9 NTQ8:NTQ9 ODM8:ODM9 ONI8:ONI9 OXE8:OXE9 PHA8:PHA9 PQW8:PQW9 QAS8:QAS9 QKO8:QKO9 QUK8:QUK9 REG8:REG9 ROC8:ROC9 RXY8:RXY9 SHU8:SHU9 SRQ8:SRQ9 TBM8:TBM9 TLI8:TLI9 TVE8:TVE9 UFA8:UFA9 UOW8:UOW9 UYS8:UYS9 VIO8:VIO9 VSK8:VSK9 WCG8:WCG9 WMC8:WMC9 WVY8:WVY9 Q65544:Q65545 JM65544:JM65545 TI65544:TI65545 ADE65544:ADE65545 ANA65544:ANA65545 AWW65544:AWW65545 BGS65544:BGS65545 BQO65544:BQO65545 CAK65544:CAK65545 CKG65544:CKG65545 CUC65544:CUC65545 DDY65544:DDY65545 DNU65544:DNU65545 DXQ65544:DXQ65545 EHM65544:EHM65545 ERI65544:ERI65545 FBE65544:FBE65545 FLA65544:FLA65545 FUW65544:FUW65545 GES65544:GES65545 GOO65544:GOO65545 GYK65544:GYK65545 HIG65544:HIG65545 HSC65544:HSC65545 IBY65544:IBY65545 ILU65544:ILU65545 IVQ65544:IVQ65545 JFM65544:JFM65545 JPI65544:JPI65545 JZE65544:JZE65545 KJA65544:KJA65545 KSW65544:KSW65545 LCS65544:LCS65545 LMO65544:LMO65545 LWK65544:LWK65545 MGG65544:MGG65545 MQC65544:MQC65545 MZY65544:MZY65545 NJU65544:NJU65545 NTQ65544:NTQ65545 ODM65544:ODM65545 ONI65544:ONI65545 OXE65544:OXE65545 PHA65544:PHA65545 PQW65544:PQW65545 QAS65544:QAS65545 QKO65544:QKO65545 QUK65544:QUK65545 REG65544:REG65545 ROC65544:ROC65545 RXY65544:RXY65545 SHU65544:SHU65545 SRQ65544:SRQ65545 TBM65544:TBM65545 TLI65544:TLI65545 TVE65544:TVE65545 UFA65544:UFA65545 UOW65544:UOW65545 UYS65544:UYS65545 VIO65544:VIO65545 VSK65544:VSK65545 WCG65544:WCG65545 WMC65544:WMC65545 WVY65544:WVY65545 Q131080:Q131081 JM131080:JM131081 TI131080:TI131081 ADE131080:ADE131081 ANA131080:ANA131081 AWW131080:AWW131081 BGS131080:BGS131081 BQO131080:BQO131081 CAK131080:CAK131081 CKG131080:CKG131081 CUC131080:CUC131081 DDY131080:DDY131081 DNU131080:DNU131081 DXQ131080:DXQ131081 EHM131080:EHM131081 ERI131080:ERI131081 FBE131080:FBE131081 FLA131080:FLA131081 FUW131080:FUW131081 GES131080:GES131081 GOO131080:GOO131081 GYK131080:GYK131081 HIG131080:HIG131081 HSC131080:HSC131081 IBY131080:IBY131081 ILU131080:ILU131081 IVQ131080:IVQ131081 JFM131080:JFM131081 JPI131080:JPI131081 JZE131080:JZE131081 KJA131080:KJA131081 KSW131080:KSW131081 LCS131080:LCS131081 LMO131080:LMO131081 LWK131080:LWK131081 MGG131080:MGG131081 MQC131080:MQC131081 MZY131080:MZY131081 NJU131080:NJU131081 NTQ131080:NTQ131081 ODM131080:ODM131081 ONI131080:ONI131081 OXE131080:OXE131081 PHA131080:PHA131081 PQW131080:PQW131081 QAS131080:QAS131081 QKO131080:QKO131081 QUK131080:QUK131081 REG131080:REG131081 ROC131080:ROC131081 RXY131080:RXY131081 SHU131080:SHU131081 SRQ131080:SRQ131081 TBM131080:TBM131081 TLI131080:TLI131081 TVE131080:TVE131081 UFA131080:UFA131081 UOW131080:UOW131081 UYS131080:UYS131081 VIO131080:VIO131081 VSK131080:VSK131081 WCG131080:WCG131081 WMC131080:WMC131081 WVY131080:WVY131081 Q196616:Q196617 JM196616:JM196617 TI196616:TI196617 ADE196616:ADE196617 ANA196616:ANA196617 AWW196616:AWW196617 BGS196616:BGS196617 BQO196616:BQO196617 CAK196616:CAK196617 CKG196616:CKG196617 CUC196616:CUC196617 DDY196616:DDY196617 DNU196616:DNU196617 DXQ196616:DXQ196617 EHM196616:EHM196617 ERI196616:ERI196617 FBE196616:FBE196617 FLA196616:FLA196617 FUW196616:FUW196617 GES196616:GES196617 GOO196616:GOO196617 GYK196616:GYK196617 HIG196616:HIG196617 HSC196616:HSC196617 IBY196616:IBY196617 ILU196616:ILU196617 IVQ196616:IVQ196617 JFM196616:JFM196617 JPI196616:JPI196617 JZE196616:JZE196617 KJA196616:KJA196617 KSW196616:KSW196617 LCS196616:LCS196617 LMO196616:LMO196617 LWK196616:LWK196617 MGG196616:MGG196617 MQC196616:MQC196617 MZY196616:MZY196617 NJU196616:NJU196617 NTQ196616:NTQ196617 ODM196616:ODM196617 ONI196616:ONI196617 OXE196616:OXE196617 PHA196616:PHA196617 PQW196616:PQW196617 QAS196616:QAS196617 QKO196616:QKO196617 QUK196616:QUK196617 REG196616:REG196617 ROC196616:ROC196617 RXY196616:RXY196617 SHU196616:SHU196617 SRQ196616:SRQ196617 TBM196616:TBM196617 TLI196616:TLI196617 TVE196616:TVE196617 UFA196616:UFA196617 UOW196616:UOW196617 UYS196616:UYS196617 VIO196616:VIO196617 VSK196616:VSK196617 WCG196616:WCG196617 WMC196616:WMC196617 WVY196616:WVY196617 Q262152:Q262153 JM262152:JM262153 TI262152:TI262153 ADE262152:ADE262153 ANA262152:ANA262153 AWW262152:AWW262153 BGS262152:BGS262153 BQO262152:BQO262153 CAK262152:CAK262153 CKG262152:CKG262153 CUC262152:CUC262153 DDY262152:DDY262153 DNU262152:DNU262153 DXQ262152:DXQ262153 EHM262152:EHM262153 ERI262152:ERI262153 FBE262152:FBE262153 FLA262152:FLA262153 FUW262152:FUW262153 GES262152:GES262153 GOO262152:GOO262153 GYK262152:GYK262153 HIG262152:HIG262153 HSC262152:HSC262153 IBY262152:IBY262153 ILU262152:ILU262153 IVQ262152:IVQ262153 JFM262152:JFM262153 JPI262152:JPI262153 JZE262152:JZE262153 KJA262152:KJA262153 KSW262152:KSW262153 LCS262152:LCS262153 LMO262152:LMO262153 LWK262152:LWK262153 MGG262152:MGG262153 MQC262152:MQC262153 MZY262152:MZY262153 NJU262152:NJU262153 NTQ262152:NTQ262153 ODM262152:ODM262153 ONI262152:ONI262153 OXE262152:OXE262153 PHA262152:PHA262153 PQW262152:PQW262153 QAS262152:QAS262153 QKO262152:QKO262153 QUK262152:QUK262153 REG262152:REG262153 ROC262152:ROC262153 RXY262152:RXY262153 SHU262152:SHU262153 SRQ262152:SRQ262153 TBM262152:TBM262153 TLI262152:TLI262153 TVE262152:TVE262153 UFA262152:UFA262153 UOW262152:UOW262153 UYS262152:UYS262153 VIO262152:VIO262153 VSK262152:VSK262153 WCG262152:WCG262153 WMC262152:WMC262153 WVY262152:WVY262153 Q327688:Q327689 JM327688:JM327689 TI327688:TI327689 ADE327688:ADE327689 ANA327688:ANA327689 AWW327688:AWW327689 BGS327688:BGS327689 BQO327688:BQO327689 CAK327688:CAK327689 CKG327688:CKG327689 CUC327688:CUC327689 DDY327688:DDY327689 DNU327688:DNU327689 DXQ327688:DXQ327689 EHM327688:EHM327689 ERI327688:ERI327689 FBE327688:FBE327689 FLA327688:FLA327689 FUW327688:FUW327689 GES327688:GES327689 GOO327688:GOO327689 GYK327688:GYK327689 HIG327688:HIG327689 HSC327688:HSC327689 IBY327688:IBY327689 ILU327688:ILU327689 IVQ327688:IVQ327689 JFM327688:JFM327689 JPI327688:JPI327689 JZE327688:JZE327689 KJA327688:KJA327689 KSW327688:KSW327689 LCS327688:LCS327689 LMO327688:LMO327689 LWK327688:LWK327689 MGG327688:MGG327689 MQC327688:MQC327689 MZY327688:MZY327689 NJU327688:NJU327689 NTQ327688:NTQ327689 ODM327688:ODM327689 ONI327688:ONI327689 OXE327688:OXE327689 PHA327688:PHA327689 PQW327688:PQW327689 QAS327688:QAS327689 QKO327688:QKO327689 QUK327688:QUK327689 REG327688:REG327689 ROC327688:ROC327689 RXY327688:RXY327689 SHU327688:SHU327689 SRQ327688:SRQ327689 TBM327688:TBM327689 TLI327688:TLI327689 TVE327688:TVE327689 UFA327688:UFA327689 UOW327688:UOW327689 UYS327688:UYS327689 VIO327688:VIO327689 VSK327688:VSK327689 WCG327688:WCG327689 WMC327688:WMC327689 WVY327688:WVY327689 Q393224:Q393225 JM393224:JM393225 TI393224:TI393225 ADE393224:ADE393225 ANA393224:ANA393225 AWW393224:AWW393225 BGS393224:BGS393225 BQO393224:BQO393225 CAK393224:CAK393225 CKG393224:CKG393225 CUC393224:CUC393225 DDY393224:DDY393225 DNU393224:DNU393225 DXQ393224:DXQ393225 EHM393224:EHM393225 ERI393224:ERI393225 FBE393224:FBE393225 FLA393224:FLA393225 FUW393224:FUW393225 GES393224:GES393225 GOO393224:GOO393225 GYK393224:GYK393225 HIG393224:HIG393225 HSC393224:HSC393225 IBY393224:IBY393225 ILU393224:ILU393225 IVQ393224:IVQ393225 JFM393224:JFM393225 JPI393224:JPI393225 JZE393224:JZE393225 KJA393224:KJA393225 KSW393224:KSW393225 LCS393224:LCS393225 LMO393224:LMO393225 LWK393224:LWK393225 MGG393224:MGG393225 MQC393224:MQC393225 MZY393224:MZY393225 NJU393224:NJU393225 NTQ393224:NTQ393225 ODM393224:ODM393225 ONI393224:ONI393225 OXE393224:OXE393225 PHA393224:PHA393225 PQW393224:PQW393225 QAS393224:QAS393225 QKO393224:QKO393225 QUK393224:QUK393225 REG393224:REG393225 ROC393224:ROC393225 RXY393224:RXY393225 SHU393224:SHU393225 SRQ393224:SRQ393225 TBM393224:TBM393225 TLI393224:TLI393225 TVE393224:TVE393225 UFA393224:UFA393225 UOW393224:UOW393225 UYS393224:UYS393225 VIO393224:VIO393225 VSK393224:VSK393225 WCG393224:WCG393225 WMC393224:WMC393225 WVY393224:WVY393225 Q458760:Q458761 JM458760:JM458761 TI458760:TI458761 ADE458760:ADE458761 ANA458760:ANA458761 AWW458760:AWW458761 BGS458760:BGS458761 BQO458760:BQO458761 CAK458760:CAK458761 CKG458760:CKG458761 CUC458760:CUC458761 DDY458760:DDY458761 DNU458760:DNU458761 DXQ458760:DXQ458761 EHM458760:EHM458761 ERI458760:ERI458761 FBE458760:FBE458761 FLA458760:FLA458761 FUW458760:FUW458761 GES458760:GES458761 GOO458760:GOO458761 GYK458760:GYK458761 HIG458760:HIG458761 HSC458760:HSC458761 IBY458760:IBY458761 ILU458760:ILU458761 IVQ458760:IVQ458761 JFM458760:JFM458761 JPI458760:JPI458761 JZE458760:JZE458761 KJA458760:KJA458761 KSW458760:KSW458761 LCS458760:LCS458761 LMO458760:LMO458761 LWK458760:LWK458761 MGG458760:MGG458761 MQC458760:MQC458761 MZY458760:MZY458761 NJU458760:NJU458761 NTQ458760:NTQ458761 ODM458760:ODM458761 ONI458760:ONI458761 OXE458760:OXE458761 PHA458760:PHA458761 PQW458760:PQW458761 QAS458760:QAS458761 QKO458760:QKO458761 QUK458760:QUK458761 REG458760:REG458761 ROC458760:ROC458761 RXY458760:RXY458761 SHU458760:SHU458761 SRQ458760:SRQ458761 TBM458760:TBM458761 TLI458760:TLI458761 TVE458760:TVE458761 UFA458760:UFA458761 UOW458760:UOW458761 UYS458760:UYS458761 VIO458760:VIO458761 VSK458760:VSK458761 WCG458760:WCG458761 WMC458760:WMC458761 WVY458760:WVY458761 Q524296:Q524297 JM524296:JM524297 TI524296:TI524297 ADE524296:ADE524297 ANA524296:ANA524297 AWW524296:AWW524297 BGS524296:BGS524297 BQO524296:BQO524297 CAK524296:CAK524297 CKG524296:CKG524297 CUC524296:CUC524297 DDY524296:DDY524297 DNU524296:DNU524297 DXQ524296:DXQ524297 EHM524296:EHM524297 ERI524296:ERI524297 FBE524296:FBE524297 FLA524296:FLA524297 FUW524296:FUW524297 GES524296:GES524297 GOO524296:GOO524297 GYK524296:GYK524297 HIG524296:HIG524297 HSC524296:HSC524297 IBY524296:IBY524297 ILU524296:ILU524297 IVQ524296:IVQ524297 JFM524296:JFM524297 JPI524296:JPI524297 JZE524296:JZE524297 KJA524296:KJA524297 KSW524296:KSW524297 LCS524296:LCS524297 LMO524296:LMO524297 LWK524296:LWK524297 MGG524296:MGG524297 MQC524296:MQC524297 MZY524296:MZY524297 NJU524296:NJU524297 NTQ524296:NTQ524297 ODM524296:ODM524297 ONI524296:ONI524297 OXE524296:OXE524297 PHA524296:PHA524297 PQW524296:PQW524297 QAS524296:QAS524297 QKO524296:QKO524297 QUK524296:QUK524297 REG524296:REG524297 ROC524296:ROC524297 RXY524296:RXY524297 SHU524296:SHU524297 SRQ524296:SRQ524297 TBM524296:TBM524297 TLI524296:TLI524297 TVE524296:TVE524297 UFA524296:UFA524297 UOW524296:UOW524297 UYS524296:UYS524297 VIO524296:VIO524297 VSK524296:VSK524297 WCG524296:WCG524297 WMC524296:WMC524297 WVY524296:WVY524297 Q589832:Q589833 JM589832:JM589833 TI589832:TI589833 ADE589832:ADE589833 ANA589832:ANA589833 AWW589832:AWW589833 BGS589832:BGS589833 BQO589832:BQO589833 CAK589832:CAK589833 CKG589832:CKG589833 CUC589832:CUC589833 DDY589832:DDY589833 DNU589832:DNU589833 DXQ589832:DXQ589833 EHM589832:EHM589833 ERI589832:ERI589833 FBE589832:FBE589833 FLA589832:FLA589833 FUW589832:FUW589833 GES589832:GES589833 GOO589832:GOO589833 GYK589832:GYK589833 HIG589832:HIG589833 HSC589832:HSC589833 IBY589832:IBY589833 ILU589832:ILU589833 IVQ589832:IVQ589833 JFM589832:JFM589833 JPI589832:JPI589833 JZE589832:JZE589833 KJA589832:KJA589833 KSW589832:KSW589833 LCS589832:LCS589833 LMO589832:LMO589833 LWK589832:LWK589833 MGG589832:MGG589833 MQC589832:MQC589833 MZY589832:MZY589833 NJU589832:NJU589833 NTQ589832:NTQ589833 ODM589832:ODM589833 ONI589832:ONI589833 OXE589832:OXE589833 PHA589832:PHA589833 PQW589832:PQW589833 QAS589832:QAS589833 QKO589832:QKO589833 QUK589832:QUK589833 REG589832:REG589833 ROC589832:ROC589833 RXY589832:RXY589833 SHU589832:SHU589833 SRQ589832:SRQ589833 TBM589832:TBM589833 TLI589832:TLI589833 TVE589832:TVE589833 UFA589832:UFA589833 UOW589832:UOW589833 UYS589832:UYS589833 VIO589832:VIO589833 VSK589832:VSK589833 WCG589832:WCG589833 WMC589832:WMC589833 WVY589832:WVY589833 Q655368:Q655369 JM655368:JM655369 TI655368:TI655369 ADE655368:ADE655369 ANA655368:ANA655369 AWW655368:AWW655369 BGS655368:BGS655369 BQO655368:BQO655369 CAK655368:CAK655369 CKG655368:CKG655369 CUC655368:CUC655369 DDY655368:DDY655369 DNU655368:DNU655369 DXQ655368:DXQ655369 EHM655368:EHM655369 ERI655368:ERI655369 FBE655368:FBE655369 FLA655368:FLA655369 FUW655368:FUW655369 GES655368:GES655369 GOO655368:GOO655369 GYK655368:GYK655369 HIG655368:HIG655369 HSC655368:HSC655369 IBY655368:IBY655369 ILU655368:ILU655369 IVQ655368:IVQ655369 JFM655368:JFM655369 JPI655368:JPI655369 JZE655368:JZE655369 KJA655368:KJA655369 KSW655368:KSW655369 LCS655368:LCS655369 LMO655368:LMO655369 LWK655368:LWK655369 MGG655368:MGG655369 MQC655368:MQC655369 MZY655368:MZY655369 NJU655368:NJU655369 NTQ655368:NTQ655369 ODM655368:ODM655369 ONI655368:ONI655369 OXE655368:OXE655369 PHA655368:PHA655369 PQW655368:PQW655369 QAS655368:QAS655369 QKO655368:QKO655369 QUK655368:QUK655369 REG655368:REG655369 ROC655368:ROC655369 RXY655368:RXY655369 SHU655368:SHU655369 SRQ655368:SRQ655369 TBM655368:TBM655369 TLI655368:TLI655369 TVE655368:TVE655369 UFA655368:UFA655369 UOW655368:UOW655369 UYS655368:UYS655369 VIO655368:VIO655369 VSK655368:VSK655369 WCG655368:WCG655369 WMC655368:WMC655369 WVY655368:WVY655369 Q720904:Q720905 JM720904:JM720905 TI720904:TI720905 ADE720904:ADE720905 ANA720904:ANA720905 AWW720904:AWW720905 BGS720904:BGS720905 BQO720904:BQO720905 CAK720904:CAK720905 CKG720904:CKG720905 CUC720904:CUC720905 DDY720904:DDY720905 DNU720904:DNU720905 DXQ720904:DXQ720905 EHM720904:EHM720905 ERI720904:ERI720905 FBE720904:FBE720905 FLA720904:FLA720905 FUW720904:FUW720905 GES720904:GES720905 GOO720904:GOO720905 GYK720904:GYK720905 HIG720904:HIG720905 HSC720904:HSC720905 IBY720904:IBY720905 ILU720904:ILU720905 IVQ720904:IVQ720905 JFM720904:JFM720905 JPI720904:JPI720905 JZE720904:JZE720905 KJA720904:KJA720905 KSW720904:KSW720905 LCS720904:LCS720905 LMO720904:LMO720905 LWK720904:LWK720905 MGG720904:MGG720905 MQC720904:MQC720905 MZY720904:MZY720905 NJU720904:NJU720905 NTQ720904:NTQ720905 ODM720904:ODM720905 ONI720904:ONI720905 OXE720904:OXE720905 PHA720904:PHA720905 PQW720904:PQW720905 QAS720904:QAS720905 QKO720904:QKO720905 QUK720904:QUK720905 REG720904:REG720905 ROC720904:ROC720905 RXY720904:RXY720905 SHU720904:SHU720905 SRQ720904:SRQ720905 TBM720904:TBM720905 TLI720904:TLI720905 TVE720904:TVE720905 UFA720904:UFA720905 UOW720904:UOW720905 UYS720904:UYS720905 VIO720904:VIO720905 VSK720904:VSK720905 WCG720904:WCG720905 WMC720904:WMC720905 WVY720904:WVY720905 Q786440:Q786441 JM786440:JM786441 TI786440:TI786441 ADE786440:ADE786441 ANA786440:ANA786441 AWW786440:AWW786441 BGS786440:BGS786441 BQO786440:BQO786441 CAK786440:CAK786441 CKG786440:CKG786441 CUC786440:CUC786441 DDY786440:DDY786441 DNU786440:DNU786441 DXQ786440:DXQ786441 EHM786440:EHM786441 ERI786440:ERI786441 FBE786440:FBE786441 FLA786440:FLA786441 FUW786440:FUW786441 GES786440:GES786441 GOO786440:GOO786441 GYK786440:GYK786441 HIG786440:HIG786441 HSC786440:HSC786441 IBY786440:IBY786441 ILU786440:ILU786441 IVQ786440:IVQ786441 JFM786440:JFM786441 JPI786440:JPI786441 JZE786440:JZE786441 KJA786440:KJA786441 KSW786440:KSW786441 LCS786440:LCS786441 LMO786440:LMO786441 LWK786440:LWK786441 MGG786440:MGG786441 MQC786440:MQC786441 MZY786440:MZY786441 NJU786440:NJU786441 NTQ786440:NTQ786441 ODM786440:ODM786441 ONI786440:ONI786441 OXE786440:OXE786441 PHA786440:PHA786441 PQW786440:PQW786441 QAS786440:QAS786441 QKO786440:QKO786441 QUK786440:QUK786441 REG786440:REG786441 ROC786440:ROC786441 RXY786440:RXY786441 SHU786440:SHU786441 SRQ786440:SRQ786441 TBM786440:TBM786441 TLI786440:TLI786441 TVE786440:TVE786441 UFA786440:UFA786441 UOW786440:UOW786441 UYS786440:UYS786441 VIO786440:VIO786441 VSK786440:VSK786441 WCG786440:WCG786441 WMC786440:WMC786441 WVY786440:WVY786441 Q851976:Q851977 JM851976:JM851977 TI851976:TI851977 ADE851976:ADE851977 ANA851976:ANA851977 AWW851976:AWW851977 BGS851976:BGS851977 BQO851976:BQO851977 CAK851976:CAK851977 CKG851976:CKG851977 CUC851976:CUC851977 DDY851976:DDY851977 DNU851976:DNU851977 DXQ851976:DXQ851977 EHM851976:EHM851977 ERI851976:ERI851977 FBE851976:FBE851977 FLA851976:FLA851977 FUW851976:FUW851977 GES851976:GES851977 GOO851976:GOO851977 GYK851976:GYK851977 HIG851976:HIG851977 HSC851976:HSC851977 IBY851976:IBY851977 ILU851976:ILU851977 IVQ851976:IVQ851977 JFM851976:JFM851977 JPI851976:JPI851977 JZE851976:JZE851977 KJA851976:KJA851977 KSW851976:KSW851977 LCS851976:LCS851977 LMO851976:LMO851977 LWK851976:LWK851977 MGG851976:MGG851977 MQC851976:MQC851977 MZY851976:MZY851977 NJU851976:NJU851977 NTQ851976:NTQ851977 ODM851976:ODM851977 ONI851976:ONI851977 OXE851976:OXE851977 PHA851976:PHA851977 PQW851976:PQW851977 QAS851976:QAS851977 QKO851976:QKO851977 QUK851976:QUK851977 REG851976:REG851977 ROC851976:ROC851977 RXY851976:RXY851977 SHU851976:SHU851977 SRQ851976:SRQ851977 TBM851976:TBM851977 TLI851976:TLI851977 TVE851976:TVE851977 UFA851976:UFA851977 UOW851976:UOW851977 UYS851976:UYS851977 VIO851976:VIO851977 VSK851976:VSK851977 WCG851976:WCG851977 WMC851976:WMC851977 WVY851976:WVY851977 Q917512:Q917513 JM917512:JM917513 TI917512:TI917513 ADE917512:ADE917513 ANA917512:ANA917513 AWW917512:AWW917513 BGS917512:BGS917513 BQO917512:BQO917513 CAK917512:CAK917513 CKG917512:CKG917513 CUC917512:CUC917513 DDY917512:DDY917513 DNU917512:DNU917513 DXQ917512:DXQ917513 EHM917512:EHM917513 ERI917512:ERI917513 FBE917512:FBE917513 FLA917512:FLA917513 FUW917512:FUW917513 GES917512:GES917513 GOO917512:GOO917513 GYK917512:GYK917513 HIG917512:HIG917513 HSC917512:HSC917513 IBY917512:IBY917513 ILU917512:ILU917513 IVQ917512:IVQ917513 JFM917512:JFM917513 JPI917512:JPI917513 JZE917512:JZE917513 KJA917512:KJA917513 KSW917512:KSW917513 LCS917512:LCS917513 LMO917512:LMO917513 LWK917512:LWK917513 MGG917512:MGG917513 MQC917512:MQC917513 MZY917512:MZY917513 NJU917512:NJU917513 NTQ917512:NTQ917513 ODM917512:ODM917513 ONI917512:ONI917513 OXE917512:OXE917513 PHA917512:PHA917513 PQW917512:PQW917513 QAS917512:QAS917513 QKO917512:QKO917513 QUK917512:QUK917513 REG917512:REG917513 ROC917512:ROC917513 RXY917512:RXY917513 SHU917512:SHU917513 SRQ917512:SRQ917513 TBM917512:TBM917513 TLI917512:TLI917513 TVE917512:TVE917513 UFA917512:UFA917513 UOW917512:UOW917513 UYS917512:UYS917513 VIO917512:VIO917513 VSK917512:VSK917513 WCG917512:WCG917513 WMC917512:WMC917513 WVY917512:WVY917513 Q983048:Q983049 JM983048:JM983049 TI983048:TI983049 ADE983048:ADE983049 ANA983048:ANA983049 AWW983048:AWW983049 BGS983048:BGS983049 BQO983048:BQO983049 CAK983048:CAK983049 CKG983048:CKG983049 CUC983048:CUC983049 DDY983048:DDY983049 DNU983048:DNU983049 DXQ983048:DXQ983049 EHM983048:EHM983049 ERI983048:ERI983049 FBE983048:FBE983049 FLA983048:FLA983049 FUW983048:FUW983049 GES983048:GES983049 GOO983048:GOO983049 GYK983048:GYK983049 HIG983048:HIG983049 HSC983048:HSC983049 IBY983048:IBY983049 ILU983048:ILU983049 IVQ983048:IVQ983049 JFM983048:JFM983049 JPI983048:JPI983049 JZE983048:JZE983049 KJA983048:KJA983049 KSW983048:KSW983049 LCS983048:LCS983049 LMO983048:LMO983049 LWK983048:LWK983049 MGG983048:MGG983049 MQC983048:MQC983049 MZY983048:MZY983049 NJU983048:NJU983049 NTQ983048:NTQ983049 ODM983048:ODM983049 ONI983048:ONI983049 OXE983048:OXE983049 PHA983048:PHA983049 PQW983048:PQW983049 QAS983048:QAS983049 QKO983048:QKO983049 QUK983048:QUK983049 REG983048:REG983049 ROC983048:ROC983049 RXY983048:RXY983049 SHU983048:SHU983049 SRQ983048:SRQ983049 TBM983048:TBM983049 TLI983048:TLI983049 TVE983048:TVE983049 UFA983048:UFA983049 UOW983048:UOW983049 UYS983048:UYS983049 VIO983048:VIO983049 VSK983048:VSK983049 WCG983048:WCG983049 WMC983048:WMC983049 WVY983048:WVY983049 U8:U9 JQ8:JQ9 TM8:TM9 ADI8:ADI9 ANE8:ANE9 AXA8:AXA9 BGW8:BGW9 BQS8:BQS9 CAO8:CAO9 CKK8:CKK9 CUG8:CUG9 DEC8:DEC9 DNY8:DNY9 DXU8:DXU9 EHQ8:EHQ9 ERM8:ERM9 FBI8:FBI9 FLE8:FLE9 FVA8:FVA9 GEW8:GEW9 GOS8:GOS9 GYO8:GYO9 HIK8:HIK9 HSG8:HSG9 ICC8:ICC9 ILY8:ILY9 IVU8:IVU9 JFQ8:JFQ9 JPM8:JPM9 JZI8:JZI9 KJE8:KJE9 KTA8:KTA9 LCW8:LCW9 LMS8:LMS9 LWO8:LWO9 MGK8:MGK9 MQG8:MQG9 NAC8:NAC9 NJY8:NJY9 NTU8:NTU9 ODQ8:ODQ9 ONM8:ONM9 OXI8:OXI9 PHE8:PHE9 PRA8:PRA9 QAW8:QAW9 QKS8:QKS9 QUO8:QUO9 REK8:REK9 ROG8:ROG9 RYC8:RYC9 SHY8:SHY9 SRU8:SRU9 TBQ8:TBQ9 TLM8:TLM9 TVI8:TVI9 UFE8:UFE9 UPA8:UPA9 UYW8:UYW9 VIS8:VIS9 VSO8:VSO9 WCK8:WCK9 WMG8:WMG9 WWC8:WWC9 U65544:U65545 JQ65544:JQ65545 TM65544:TM65545 ADI65544:ADI65545 ANE65544:ANE65545 AXA65544:AXA65545 BGW65544:BGW65545 BQS65544:BQS65545 CAO65544:CAO65545 CKK65544:CKK65545 CUG65544:CUG65545 DEC65544:DEC65545 DNY65544:DNY65545 DXU65544:DXU65545 EHQ65544:EHQ65545 ERM65544:ERM65545 FBI65544:FBI65545 FLE65544:FLE65545 FVA65544:FVA65545 GEW65544:GEW65545 GOS65544:GOS65545 GYO65544:GYO65545 HIK65544:HIK65545 HSG65544:HSG65545 ICC65544:ICC65545 ILY65544:ILY65545 IVU65544:IVU65545 JFQ65544:JFQ65545 JPM65544:JPM65545 JZI65544:JZI65545 KJE65544:KJE65545 KTA65544:KTA65545 LCW65544:LCW65545 LMS65544:LMS65545 LWO65544:LWO65545 MGK65544:MGK65545 MQG65544:MQG65545 NAC65544:NAC65545 NJY65544:NJY65545 NTU65544:NTU65545 ODQ65544:ODQ65545 ONM65544:ONM65545 OXI65544:OXI65545 PHE65544:PHE65545 PRA65544:PRA65545 QAW65544:QAW65545 QKS65544:QKS65545 QUO65544:QUO65545 REK65544:REK65545 ROG65544:ROG65545 RYC65544:RYC65545 SHY65544:SHY65545 SRU65544:SRU65545 TBQ65544:TBQ65545 TLM65544:TLM65545 TVI65544:TVI65545 UFE65544:UFE65545 UPA65544:UPA65545 UYW65544:UYW65545 VIS65544:VIS65545 VSO65544:VSO65545 WCK65544:WCK65545 WMG65544:WMG65545 WWC65544:WWC65545 U131080:U131081 JQ131080:JQ131081 TM131080:TM131081 ADI131080:ADI131081 ANE131080:ANE131081 AXA131080:AXA131081 BGW131080:BGW131081 BQS131080:BQS131081 CAO131080:CAO131081 CKK131080:CKK131081 CUG131080:CUG131081 DEC131080:DEC131081 DNY131080:DNY131081 DXU131080:DXU131081 EHQ131080:EHQ131081 ERM131080:ERM131081 FBI131080:FBI131081 FLE131080:FLE131081 FVA131080:FVA131081 GEW131080:GEW131081 GOS131080:GOS131081 GYO131080:GYO131081 HIK131080:HIK131081 HSG131080:HSG131081 ICC131080:ICC131081 ILY131080:ILY131081 IVU131080:IVU131081 JFQ131080:JFQ131081 JPM131080:JPM131081 JZI131080:JZI131081 KJE131080:KJE131081 KTA131080:KTA131081 LCW131080:LCW131081 LMS131080:LMS131081 LWO131080:LWO131081 MGK131080:MGK131081 MQG131080:MQG131081 NAC131080:NAC131081 NJY131080:NJY131081 NTU131080:NTU131081 ODQ131080:ODQ131081 ONM131080:ONM131081 OXI131080:OXI131081 PHE131080:PHE131081 PRA131080:PRA131081 QAW131080:QAW131081 QKS131080:QKS131081 QUO131080:QUO131081 REK131080:REK131081 ROG131080:ROG131081 RYC131080:RYC131081 SHY131080:SHY131081 SRU131080:SRU131081 TBQ131080:TBQ131081 TLM131080:TLM131081 TVI131080:TVI131081 UFE131080:UFE131081 UPA131080:UPA131081 UYW131080:UYW131081 VIS131080:VIS131081 VSO131080:VSO131081 WCK131080:WCK131081 WMG131080:WMG131081 WWC131080:WWC131081 U196616:U196617 JQ196616:JQ196617 TM196616:TM196617 ADI196616:ADI196617 ANE196616:ANE196617 AXA196616:AXA196617 BGW196616:BGW196617 BQS196616:BQS196617 CAO196616:CAO196617 CKK196616:CKK196617 CUG196616:CUG196617 DEC196616:DEC196617 DNY196616:DNY196617 DXU196616:DXU196617 EHQ196616:EHQ196617 ERM196616:ERM196617 FBI196616:FBI196617 FLE196616:FLE196617 FVA196616:FVA196617 GEW196616:GEW196617 GOS196616:GOS196617 GYO196616:GYO196617 HIK196616:HIK196617 HSG196616:HSG196617 ICC196616:ICC196617 ILY196616:ILY196617 IVU196616:IVU196617 JFQ196616:JFQ196617 JPM196616:JPM196617 JZI196616:JZI196617 KJE196616:KJE196617 KTA196616:KTA196617 LCW196616:LCW196617 LMS196616:LMS196617 LWO196616:LWO196617 MGK196616:MGK196617 MQG196616:MQG196617 NAC196616:NAC196617 NJY196616:NJY196617 NTU196616:NTU196617 ODQ196616:ODQ196617 ONM196616:ONM196617 OXI196616:OXI196617 PHE196616:PHE196617 PRA196616:PRA196617 QAW196616:QAW196617 QKS196616:QKS196617 QUO196616:QUO196617 REK196616:REK196617 ROG196616:ROG196617 RYC196616:RYC196617 SHY196616:SHY196617 SRU196616:SRU196617 TBQ196616:TBQ196617 TLM196616:TLM196617 TVI196616:TVI196617 UFE196616:UFE196617 UPA196616:UPA196617 UYW196616:UYW196617 VIS196616:VIS196617 VSO196616:VSO196617 WCK196616:WCK196617 WMG196616:WMG196617 WWC196616:WWC196617 U262152:U262153 JQ262152:JQ262153 TM262152:TM262153 ADI262152:ADI262153 ANE262152:ANE262153 AXA262152:AXA262153 BGW262152:BGW262153 BQS262152:BQS262153 CAO262152:CAO262153 CKK262152:CKK262153 CUG262152:CUG262153 DEC262152:DEC262153 DNY262152:DNY262153 DXU262152:DXU262153 EHQ262152:EHQ262153 ERM262152:ERM262153 FBI262152:FBI262153 FLE262152:FLE262153 FVA262152:FVA262153 GEW262152:GEW262153 GOS262152:GOS262153 GYO262152:GYO262153 HIK262152:HIK262153 HSG262152:HSG262153 ICC262152:ICC262153 ILY262152:ILY262153 IVU262152:IVU262153 JFQ262152:JFQ262153 JPM262152:JPM262153 JZI262152:JZI262153 KJE262152:KJE262153 KTA262152:KTA262153 LCW262152:LCW262153 LMS262152:LMS262153 LWO262152:LWO262153 MGK262152:MGK262153 MQG262152:MQG262153 NAC262152:NAC262153 NJY262152:NJY262153 NTU262152:NTU262153 ODQ262152:ODQ262153 ONM262152:ONM262153 OXI262152:OXI262153 PHE262152:PHE262153 PRA262152:PRA262153 QAW262152:QAW262153 QKS262152:QKS262153 QUO262152:QUO262153 REK262152:REK262153 ROG262152:ROG262153 RYC262152:RYC262153 SHY262152:SHY262153 SRU262152:SRU262153 TBQ262152:TBQ262153 TLM262152:TLM262153 TVI262152:TVI262153 UFE262152:UFE262153 UPA262152:UPA262153 UYW262152:UYW262153 VIS262152:VIS262153 VSO262152:VSO262153 WCK262152:WCK262153 WMG262152:WMG262153 WWC262152:WWC262153 U327688:U327689 JQ327688:JQ327689 TM327688:TM327689 ADI327688:ADI327689 ANE327688:ANE327689 AXA327688:AXA327689 BGW327688:BGW327689 BQS327688:BQS327689 CAO327688:CAO327689 CKK327688:CKK327689 CUG327688:CUG327689 DEC327688:DEC327689 DNY327688:DNY327689 DXU327688:DXU327689 EHQ327688:EHQ327689 ERM327688:ERM327689 FBI327688:FBI327689 FLE327688:FLE327689 FVA327688:FVA327689 GEW327688:GEW327689 GOS327688:GOS327689 GYO327688:GYO327689 HIK327688:HIK327689 HSG327688:HSG327689 ICC327688:ICC327689 ILY327688:ILY327689 IVU327688:IVU327689 JFQ327688:JFQ327689 JPM327688:JPM327689 JZI327688:JZI327689 KJE327688:KJE327689 KTA327688:KTA327689 LCW327688:LCW327689 LMS327688:LMS327689 LWO327688:LWO327689 MGK327688:MGK327689 MQG327688:MQG327689 NAC327688:NAC327689 NJY327688:NJY327689 NTU327688:NTU327689 ODQ327688:ODQ327689 ONM327688:ONM327689 OXI327688:OXI327689 PHE327688:PHE327689 PRA327688:PRA327689 QAW327688:QAW327689 QKS327688:QKS327689 QUO327688:QUO327689 REK327688:REK327689 ROG327688:ROG327689 RYC327688:RYC327689 SHY327688:SHY327689 SRU327688:SRU327689 TBQ327688:TBQ327689 TLM327688:TLM327689 TVI327688:TVI327689 UFE327688:UFE327689 UPA327688:UPA327689 UYW327688:UYW327689 VIS327688:VIS327689 VSO327688:VSO327689 WCK327688:WCK327689 WMG327688:WMG327689 WWC327688:WWC327689 U393224:U393225 JQ393224:JQ393225 TM393224:TM393225 ADI393224:ADI393225 ANE393224:ANE393225 AXA393224:AXA393225 BGW393224:BGW393225 BQS393224:BQS393225 CAO393224:CAO393225 CKK393224:CKK393225 CUG393224:CUG393225 DEC393224:DEC393225 DNY393224:DNY393225 DXU393224:DXU393225 EHQ393224:EHQ393225 ERM393224:ERM393225 FBI393224:FBI393225 FLE393224:FLE393225 FVA393224:FVA393225 GEW393224:GEW393225 GOS393224:GOS393225 GYO393224:GYO393225 HIK393224:HIK393225 HSG393224:HSG393225 ICC393224:ICC393225 ILY393224:ILY393225 IVU393224:IVU393225 JFQ393224:JFQ393225 JPM393224:JPM393225 JZI393224:JZI393225 KJE393224:KJE393225 KTA393224:KTA393225 LCW393224:LCW393225 LMS393224:LMS393225 LWO393224:LWO393225 MGK393224:MGK393225 MQG393224:MQG393225 NAC393224:NAC393225 NJY393224:NJY393225 NTU393224:NTU393225 ODQ393224:ODQ393225 ONM393224:ONM393225 OXI393224:OXI393225 PHE393224:PHE393225 PRA393224:PRA393225 QAW393224:QAW393225 QKS393224:QKS393225 QUO393224:QUO393225 REK393224:REK393225 ROG393224:ROG393225 RYC393224:RYC393225 SHY393224:SHY393225 SRU393224:SRU393225 TBQ393224:TBQ393225 TLM393224:TLM393225 TVI393224:TVI393225 UFE393224:UFE393225 UPA393224:UPA393225 UYW393224:UYW393225 VIS393224:VIS393225 VSO393224:VSO393225 WCK393224:WCK393225 WMG393224:WMG393225 WWC393224:WWC393225 U458760:U458761 JQ458760:JQ458761 TM458760:TM458761 ADI458760:ADI458761 ANE458760:ANE458761 AXA458760:AXA458761 BGW458760:BGW458761 BQS458760:BQS458761 CAO458760:CAO458761 CKK458760:CKK458761 CUG458760:CUG458761 DEC458760:DEC458761 DNY458760:DNY458761 DXU458760:DXU458761 EHQ458760:EHQ458761 ERM458760:ERM458761 FBI458760:FBI458761 FLE458760:FLE458761 FVA458760:FVA458761 GEW458760:GEW458761 GOS458760:GOS458761 GYO458760:GYO458761 HIK458760:HIK458761 HSG458760:HSG458761 ICC458760:ICC458761 ILY458760:ILY458761 IVU458760:IVU458761 JFQ458760:JFQ458761 JPM458760:JPM458761 JZI458760:JZI458761 KJE458760:KJE458761 KTA458760:KTA458761 LCW458760:LCW458761 LMS458760:LMS458761 LWO458760:LWO458761 MGK458760:MGK458761 MQG458760:MQG458761 NAC458760:NAC458761 NJY458760:NJY458761 NTU458760:NTU458761 ODQ458760:ODQ458761 ONM458760:ONM458761 OXI458760:OXI458761 PHE458760:PHE458761 PRA458760:PRA458761 QAW458760:QAW458761 QKS458760:QKS458761 QUO458760:QUO458761 REK458760:REK458761 ROG458760:ROG458761 RYC458760:RYC458761 SHY458760:SHY458761 SRU458760:SRU458761 TBQ458760:TBQ458761 TLM458760:TLM458761 TVI458760:TVI458761 UFE458760:UFE458761 UPA458760:UPA458761 UYW458760:UYW458761 VIS458760:VIS458761 VSO458760:VSO458761 WCK458760:WCK458761 WMG458760:WMG458761 WWC458760:WWC458761 U524296:U524297 JQ524296:JQ524297 TM524296:TM524297 ADI524296:ADI524297 ANE524296:ANE524297 AXA524296:AXA524297 BGW524296:BGW524297 BQS524296:BQS524297 CAO524296:CAO524297 CKK524296:CKK524297 CUG524296:CUG524297 DEC524296:DEC524297 DNY524296:DNY524297 DXU524296:DXU524297 EHQ524296:EHQ524297 ERM524296:ERM524297 FBI524296:FBI524297 FLE524296:FLE524297 FVA524296:FVA524297 GEW524296:GEW524297 GOS524296:GOS524297 GYO524296:GYO524297 HIK524296:HIK524297 HSG524296:HSG524297 ICC524296:ICC524297 ILY524296:ILY524297 IVU524296:IVU524297 JFQ524296:JFQ524297 JPM524296:JPM524297 JZI524296:JZI524297 KJE524296:KJE524297 KTA524296:KTA524297 LCW524296:LCW524297 LMS524296:LMS524297 LWO524296:LWO524297 MGK524296:MGK524297 MQG524296:MQG524297 NAC524296:NAC524297 NJY524296:NJY524297 NTU524296:NTU524297 ODQ524296:ODQ524297 ONM524296:ONM524297 OXI524296:OXI524297 PHE524296:PHE524297 PRA524296:PRA524297 QAW524296:QAW524297 QKS524296:QKS524297 QUO524296:QUO524297 REK524296:REK524297 ROG524296:ROG524297 RYC524296:RYC524297 SHY524296:SHY524297 SRU524296:SRU524297 TBQ524296:TBQ524297 TLM524296:TLM524297 TVI524296:TVI524297 UFE524296:UFE524297 UPA524296:UPA524297 UYW524296:UYW524297 VIS524296:VIS524297 VSO524296:VSO524297 WCK524296:WCK524297 WMG524296:WMG524297 WWC524296:WWC524297 U589832:U589833 JQ589832:JQ589833 TM589832:TM589833 ADI589832:ADI589833 ANE589832:ANE589833 AXA589832:AXA589833 BGW589832:BGW589833 BQS589832:BQS589833 CAO589832:CAO589833 CKK589832:CKK589833 CUG589832:CUG589833 DEC589832:DEC589833 DNY589832:DNY589833 DXU589832:DXU589833 EHQ589832:EHQ589833 ERM589832:ERM589833 FBI589832:FBI589833 FLE589832:FLE589833 FVA589832:FVA589833 GEW589832:GEW589833 GOS589832:GOS589833 GYO589832:GYO589833 HIK589832:HIK589833 HSG589832:HSG589833 ICC589832:ICC589833 ILY589832:ILY589833 IVU589832:IVU589833 JFQ589832:JFQ589833 JPM589832:JPM589833 JZI589832:JZI589833 KJE589832:KJE589833 KTA589832:KTA589833 LCW589832:LCW589833 LMS589832:LMS589833 LWO589832:LWO589833 MGK589832:MGK589833 MQG589832:MQG589833 NAC589832:NAC589833 NJY589832:NJY589833 NTU589832:NTU589833 ODQ589832:ODQ589833 ONM589832:ONM589833 OXI589832:OXI589833 PHE589832:PHE589833 PRA589832:PRA589833 QAW589832:QAW589833 QKS589832:QKS589833 QUO589832:QUO589833 REK589832:REK589833 ROG589832:ROG589833 RYC589832:RYC589833 SHY589832:SHY589833 SRU589832:SRU589833 TBQ589832:TBQ589833 TLM589832:TLM589833 TVI589832:TVI589833 UFE589832:UFE589833 UPA589832:UPA589833 UYW589832:UYW589833 VIS589832:VIS589833 VSO589832:VSO589833 WCK589832:WCK589833 WMG589832:WMG589833 WWC589832:WWC589833 U655368:U655369 JQ655368:JQ655369 TM655368:TM655369 ADI655368:ADI655369 ANE655368:ANE655369 AXA655368:AXA655369 BGW655368:BGW655369 BQS655368:BQS655369 CAO655368:CAO655369 CKK655368:CKK655369 CUG655368:CUG655369 DEC655368:DEC655369 DNY655368:DNY655369 DXU655368:DXU655369 EHQ655368:EHQ655369 ERM655368:ERM655369 FBI655368:FBI655369 FLE655368:FLE655369 FVA655368:FVA655369 GEW655368:GEW655369 GOS655368:GOS655369 GYO655368:GYO655369 HIK655368:HIK655369 HSG655368:HSG655369 ICC655368:ICC655369 ILY655368:ILY655369 IVU655368:IVU655369 JFQ655368:JFQ655369 JPM655368:JPM655369 JZI655368:JZI655369 KJE655368:KJE655369 KTA655368:KTA655369 LCW655368:LCW655369 LMS655368:LMS655369 LWO655368:LWO655369 MGK655368:MGK655369 MQG655368:MQG655369 NAC655368:NAC655369 NJY655368:NJY655369 NTU655368:NTU655369 ODQ655368:ODQ655369 ONM655368:ONM655369 OXI655368:OXI655369 PHE655368:PHE655369 PRA655368:PRA655369 QAW655368:QAW655369 QKS655368:QKS655369 QUO655368:QUO655369 REK655368:REK655369 ROG655368:ROG655369 RYC655368:RYC655369 SHY655368:SHY655369 SRU655368:SRU655369 TBQ655368:TBQ655369 TLM655368:TLM655369 TVI655368:TVI655369 UFE655368:UFE655369 UPA655368:UPA655369 UYW655368:UYW655369 VIS655368:VIS655369 VSO655368:VSO655369 WCK655368:WCK655369 WMG655368:WMG655369 WWC655368:WWC655369 U720904:U720905 JQ720904:JQ720905 TM720904:TM720905 ADI720904:ADI720905 ANE720904:ANE720905 AXA720904:AXA720905 BGW720904:BGW720905 BQS720904:BQS720905 CAO720904:CAO720905 CKK720904:CKK720905 CUG720904:CUG720905 DEC720904:DEC720905 DNY720904:DNY720905 DXU720904:DXU720905 EHQ720904:EHQ720905 ERM720904:ERM720905 FBI720904:FBI720905 FLE720904:FLE720905 FVA720904:FVA720905 GEW720904:GEW720905 GOS720904:GOS720905 GYO720904:GYO720905 HIK720904:HIK720905 HSG720904:HSG720905 ICC720904:ICC720905 ILY720904:ILY720905 IVU720904:IVU720905 JFQ720904:JFQ720905 JPM720904:JPM720905 JZI720904:JZI720905 KJE720904:KJE720905 KTA720904:KTA720905 LCW720904:LCW720905 LMS720904:LMS720905 LWO720904:LWO720905 MGK720904:MGK720905 MQG720904:MQG720905 NAC720904:NAC720905 NJY720904:NJY720905 NTU720904:NTU720905 ODQ720904:ODQ720905 ONM720904:ONM720905 OXI720904:OXI720905 PHE720904:PHE720905 PRA720904:PRA720905 QAW720904:QAW720905 QKS720904:QKS720905 QUO720904:QUO720905 REK720904:REK720905 ROG720904:ROG720905 RYC720904:RYC720905 SHY720904:SHY720905 SRU720904:SRU720905 TBQ720904:TBQ720905 TLM720904:TLM720905 TVI720904:TVI720905 UFE720904:UFE720905 UPA720904:UPA720905 UYW720904:UYW720905 VIS720904:VIS720905 VSO720904:VSO720905 WCK720904:WCK720905 WMG720904:WMG720905 WWC720904:WWC720905 U786440:U786441 JQ786440:JQ786441 TM786440:TM786441 ADI786440:ADI786441 ANE786440:ANE786441 AXA786440:AXA786441 BGW786440:BGW786441 BQS786440:BQS786441 CAO786440:CAO786441 CKK786440:CKK786441 CUG786440:CUG786441 DEC786440:DEC786441 DNY786440:DNY786441 DXU786440:DXU786441 EHQ786440:EHQ786441 ERM786440:ERM786441 FBI786440:FBI786441 FLE786440:FLE786441 FVA786440:FVA786441 GEW786440:GEW786441 GOS786440:GOS786441 GYO786440:GYO786441 HIK786440:HIK786441 HSG786440:HSG786441 ICC786440:ICC786441 ILY786440:ILY786441 IVU786440:IVU786441 JFQ786440:JFQ786441 JPM786440:JPM786441 JZI786440:JZI786441 KJE786440:KJE786441 KTA786440:KTA786441 LCW786440:LCW786441 LMS786440:LMS786441 LWO786440:LWO786441 MGK786440:MGK786441 MQG786440:MQG786441 NAC786440:NAC786441 NJY786440:NJY786441 NTU786440:NTU786441 ODQ786440:ODQ786441 ONM786440:ONM786441 OXI786440:OXI786441 PHE786440:PHE786441 PRA786440:PRA786441 QAW786440:QAW786441 QKS786440:QKS786441 QUO786440:QUO786441 REK786440:REK786441 ROG786440:ROG786441 RYC786440:RYC786441 SHY786440:SHY786441 SRU786440:SRU786441 TBQ786440:TBQ786441 TLM786440:TLM786441 TVI786440:TVI786441 UFE786440:UFE786441 UPA786440:UPA786441 UYW786440:UYW786441 VIS786440:VIS786441 VSO786440:VSO786441 WCK786440:WCK786441 WMG786440:WMG786441 WWC786440:WWC786441 U851976:U851977 JQ851976:JQ851977 TM851976:TM851977 ADI851976:ADI851977 ANE851976:ANE851977 AXA851976:AXA851977 BGW851976:BGW851977 BQS851976:BQS851977 CAO851976:CAO851977 CKK851976:CKK851977 CUG851976:CUG851977 DEC851976:DEC851977 DNY851976:DNY851977 DXU851976:DXU851977 EHQ851976:EHQ851977 ERM851976:ERM851977 FBI851976:FBI851977 FLE851976:FLE851977 FVA851976:FVA851977 GEW851976:GEW851977 GOS851976:GOS851977 GYO851976:GYO851977 HIK851976:HIK851977 HSG851976:HSG851977 ICC851976:ICC851977 ILY851976:ILY851977 IVU851976:IVU851977 JFQ851976:JFQ851977 JPM851976:JPM851977 JZI851976:JZI851977 KJE851976:KJE851977 KTA851976:KTA851977 LCW851976:LCW851977 LMS851976:LMS851977 LWO851976:LWO851977 MGK851976:MGK851977 MQG851976:MQG851977 NAC851976:NAC851977 NJY851976:NJY851977 NTU851976:NTU851977 ODQ851976:ODQ851977 ONM851976:ONM851977 OXI851976:OXI851977 PHE851976:PHE851977 PRA851976:PRA851977 QAW851976:QAW851977 QKS851976:QKS851977 QUO851976:QUO851977 REK851976:REK851977 ROG851976:ROG851977 RYC851976:RYC851977 SHY851976:SHY851977 SRU851976:SRU851977 TBQ851976:TBQ851977 TLM851976:TLM851977 TVI851976:TVI851977 UFE851976:UFE851977 UPA851976:UPA851977 UYW851976:UYW851977 VIS851976:VIS851977 VSO851976:VSO851977 WCK851976:WCK851977 WMG851976:WMG851977 WWC851976:WWC851977 U917512:U917513 JQ917512:JQ917513 TM917512:TM917513 ADI917512:ADI917513 ANE917512:ANE917513 AXA917512:AXA917513 BGW917512:BGW917513 BQS917512:BQS917513 CAO917512:CAO917513 CKK917512:CKK917513 CUG917512:CUG917513 DEC917512:DEC917513 DNY917512:DNY917513 DXU917512:DXU917513 EHQ917512:EHQ917513 ERM917512:ERM917513 FBI917512:FBI917513 FLE917512:FLE917513 FVA917512:FVA917513 GEW917512:GEW917513 GOS917512:GOS917513 GYO917512:GYO917513 HIK917512:HIK917513 HSG917512:HSG917513 ICC917512:ICC917513 ILY917512:ILY917513 IVU917512:IVU917513 JFQ917512:JFQ917513 JPM917512:JPM917513 JZI917512:JZI917513 KJE917512:KJE917513 KTA917512:KTA917513 LCW917512:LCW917513 LMS917512:LMS917513 LWO917512:LWO917513 MGK917512:MGK917513 MQG917512:MQG917513 NAC917512:NAC917513 NJY917512:NJY917513 NTU917512:NTU917513 ODQ917512:ODQ917513 ONM917512:ONM917513 OXI917512:OXI917513 PHE917512:PHE917513 PRA917512:PRA917513 QAW917512:QAW917513 QKS917512:QKS917513 QUO917512:QUO917513 REK917512:REK917513 ROG917512:ROG917513 RYC917512:RYC917513 SHY917512:SHY917513 SRU917512:SRU917513 TBQ917512:TBQ917513 TLM917512:TLM917513 TVI917512:TVI917513 UFE917512:UFE917513 UPA917512:UPA917513 UYW917512:UYW917513 VIS917512:VIS917513 VSO917512:VSO917513 WCK917512:WCK917513 WMG917512:WMG917513 WWC917512:WWC917513 U983048:U983049 JQ983048:JQ983049 TM983048:TM983049 ADI983048:ADI983049 ANE983048:ANE983049 AXA983048:AXA983049 BGW983048:BGW983049 BQS983048:BQS983049 CAO983048:CAO983049 CKK983048:CKK983049 CUG983048:CUG983049 DEC983048:DEC983049 DNY983048:DNY983049 DXU983048:DXU983049 EHQ983048:EHQ983049 ERM983048:ERM983049 FBI983048:FBI983049 FLE983048:FLE983049 FVA983048:FVA983049 GEW983048:GEW983049 GOS983048:GOS983049 GYO983048:GYO983049 HIK983048:HIK983049 HSG983048:HSG983049 ICC983048:ICC983049 ILY983048:ILY983049 IVU983048:IVU983049 JFQ983048:JFQ983049 JPM983048:JPM983049 JZI983048:JZI983049 KJE983048:KJE983049 KTA983048:KTA983049 LCW983048:LCW983049 LMS983048:LMS983049 LWO983048:LWO983049 MGK983048:MGK983049 MQG983048:MQG983049 NAC983048:NAC983049 NJY983048:NJY983049 NTU983048:NTU983049 ODQ983048:ODQ983049 ONM983048:ONM983049 OXI983048:OXI983049 PHE983048:PHE983049 PRA983048:PRA983049 QAW983048:QAW983049 QKS983048:QKS983049 QUO983048:QUO983049 REK983048:REK983049 ROG983048:ROG983049 RYC983048:RYC983049 SHY983048:SHY983049 SRU983048:SRU983049 TBQ983048:TBQ983049 TLM983048:TLM983049 TVI983048:TVI983049 UFE983048:UFE983049 UPA983048:UPA983049 UYW983048:UYW983049 VIS983048:VIS983049 VSO983048:VSO983049 WCK983048:WCK983049 WMG983048:WMG983049 WWC983048:WWC983049 A10 IW10 SS10 ACO10 AMK10 AWG10 BGC10 BPY10 BZU10 CJQ10 CTM10 DDI10 DNE10 DXA10 EGW10 EQS10 FAO10 FKK10 FUG10 GEC10 GNY10 GXU10 HHQ10 HRM10 IBI10 ILE10 IVA10 JEW10 JOS10 JYO10 KIK10 KSG10 LCC10 LLY10 LVU10 MFQ10 MPM10 MZI10 NJE10 NTA10 OCW10 OMS10 OWO10 PGK10 PQG10 QAC10 QJY10 QTU10 RDQ10 RNM10 RXI10 SHE10 SRA10 TAW10 TKS10 TUO10 UEK10 UOG10 UYC10 VHY10 VRU10 WBQ10 WLM10 WVI10 A65546 IW65546 SS65546 ACO65546 AMK65546 AWG65546 BGC65546 BPY65546 BZU65546 CJQ65546 CTM65546 DDI65546 DNE65546 DXA65546 EGW65546 EQS65546 FAO65546 FKK65546 FUG65546 GEC65546 GNY65546 GXU65546 HHQ65546 HRM65546 IBI65546 ILE65546 IVA65546 JEW65546 JOS65546 JYO65546 KIK65546 KSG65546 LCC65546 LLY65546 LVU65546 MFQ65546 MPM65546 MZI65546 NJE65546 NTA65546 OCW65546 OMS65546 OWO65546 PGK65546 PQG65546 QAC65546 QJY65546 QTU65546 RDQ65546 RNM65546 RXI65546 SHE65546 SRA65546 TAW65546 TKS65546 TUO65546 UEK65546 UOG65546 UYC65546 VHY65546 VRU65546 WBQ65546 WLM65546 WVI65546 A131082 IW131082 SS131082 ACO131082 AMK131082 AWG131082 BGC131082 BPY131082 BZU131082 CJQ131082 CTM131082 DDI131082 DNE131082 DXA131082 EGW131082 EQS131082 FAO131082 FKK131082 FUG131082 GEC131082 GNY131082 GXU131082 HHQ131082 HRM131082 IBI131082 ILE131082 IVA131082 JEW131082 JOS131082 JYO131082 KIK131082 KSG131082 LCC131082 LLY131082 LVU131082 MFQ131082 MPM131082 MZI131082 NJE131082 NTA131082 OCW131082 OMS131082 OWO131082 PGK131082 PQG131082 QAC131082 QJY131082 QTU131082 RDQ131082 RNM131082 RXI131082 SHE131082 SRA131082 TAW131082 TKS131082 TUO131082 UEK131082 UOG131082 UYC131082 VHY131082 VRU131082 WBQ131082 WLM131082 WVI131082 A196618 IW196618 SS196618 ACO196618 AMK196618 AWG196618 BGC196618 BPY196618 BZU196618 CJQ196618 CTM196618 DDI196618 DNE196618 DXA196618 EGW196618 EQS196618 FAO196618 FKK196618 FUG196618 GEC196618 GNY196618 GXU196618 HHQ196618 HRM196618 IBI196618 ILE196618 IVA196618 JEW196618 JOS196618 JYO196618 KIK196618 KSG196618 LCC196618 LLY196618 LVU196618 MFQ196618 MPM196618 MZI196618 NJE196618 NTA196618 OCW196618 OMS196618 OWO196618 PGK196618 PQG196618 QAC196618 QJY196618 QTU196618 RDQ196618 RNM196618 RXI196618 SHE196618 SRA196618 TAW196618 TKS196618 TUO196618 UEK196618 UOG196618 UYC196618 VHY196618 VRU196618 WBQ196618 WLM196618 WVI196618 A262154 IW262154 SS262154 ACO262154 AMK262154 AWG262154 BGC262154 BPY262154 BZU262154 CJQ262154 CTM262154 DDI262154 DNE262154 DXA262154 EGW262154 EQS262154 FAO262154 FKK262154 FUG262154 GEC262154 GNY262154 GXU262154 HHQ262154 HRM262154 IBI262154 ILE262154 IVA262154 JEW262154 JOS262154 JYO262154 KIK262154 KSG262154 LCC262154 LLY262154 LVU262154 MFQ262154 MPM262154 MZI262154 NJE262154 NTA262154 OCW262154 OMS262154 OWO262154 PGK262154 PQG262154 QAC262154 QJY262154 QTU262154 RDQ262154 RNM262154 RXI262154 SHE262154 SRA262154 TAW262154 TKS262154 TUO262154 UEK262154 UOG262154 UYC262154 VHY262154 VRU262154 WBQ262154 WLM262154 WVI262154 A327690 IW327690 SS327690 ACO327690 AMK327690 AWG327690 BGC327690 BPY327690 BZU327690 CJQ327690 CTM327690 DDI327690 DNE327690 DXA327690 EGW327690 EQS327690 FAO327690 FKK327690 FUG327690 GEC327690 GNY327690 GXU327690 HHQ327690 HRM327690 IBI327690 ILE327690 IVA327690 JEW327690 JOS327690 JYO327690 KIK327690 KSG327690 LCC327690 LLY327690 LVU327690 MFQ327690 MPM327690 MZI327690 NJE327690 NTA327690 OCW327690 OMS327690 OWO327690 PGK327690 PQG327690 QAC327690 QJY327690 QTU327690 RDQ327690 RNM327690 RXI327690 SHE327690 SRA327690 TAW327690 TKS327690 TUO327690 UEK327690 UOG327690 UYC327690 VHY327690 VRU327690 WBQ327690 WLM327690 WVI327690 A393226 IW393226 SS393226 ACO393226 AMK393226 AWG393226 BGC393226 BPY393226 BZU393226 CJQ393226 CTM393226 DDI393226 DNE393226 DXA393226 EGW393226 EQS393226 FAO393226 FKK393226 FUG393226 GEC393226 GNY393226 GXU393226 HHQ393226 HRM393226 IBI393226 ILE393226 IVA393226 JEW393226 JOS393226 JYO393226 KIK393226 KSG393226 LCC393226 LLY393226 LVU393226 MFQ393226 MPM393226 MZI393226 NJE393226 NTA393226 OCW393226 OMS393226 OWO393226 PGK393226 PQG393226 QAC393226 QJY393226 QTU393226 RDQ393226 RNM393226 RXI393226 SHE393226 SRA393226 TAW393226 TKS393226 TUO393226 UEK393226 UOG393226 UYC393226 VHY393226 VRU393226 WBQ393226 WLM393226 WVI393226 A458762 IW458762 SS458762 ACO458762 AMK458762 AWG458762 BGC458762 BPY458762 BZU458762 CJQ458762 CTM458762 DDI458762 DNE458762 DXA458762 EGW458762 EQS458762 FAO458762 FKK458762 FUG458762 GEC458762 GNY458762 GXU458762 HHQ458762 HRM458762 IBI458762 ILE458762 IVA458762 JEW458762 JOS458762 JYO458762 KIK458762 KSG458762 LCC458762 LLY458762 LVU458762 MFQ458762 MPM458762 MZI458762 NJE458762 NTA458762 OCW458762 OMS458762 OWO458762 PGK458762 PQG458762 QAC458762 QJY458762 QTU458762 RDQ458762 RNM458762 RXI458762 SHE458762 SRA458762 TAW458762 TKS458762 TUO458762 UEK458762 UOG458762 UYC458762 VHY458762 VRU458762 WBQ458762 WLM458762 WVI458762 A524298 IW524298 SS524298 ACO524298 AMK524298 AWG524298 BGC524298 BPY524298 BZU524298 CJQ524298 CTM524298 DDI524298 DNE524298 DXA524298 EGW524298 EQS524298 FAO524298 FKK524298 FUG524298 GEC524298 GNY524298 GXU524298 HHQ524298 HRM524298 IBI524298 ILE524298 IVA524298 JEW524298 JOS524298 JYO524298 KIK524298 KSG524298 LCC524298 LLY524298 LVU524298 MFQ524298 MPM524298 MZI524298 NJE524298 NTA524298 OCW524298 OMS524298 OWO524298 PGK524298 PQG524298 QAC524298 QJY524298 QTU524298 RDQ524298 RNM524298 RXI524298 SHE524298 SRA524298 TAW524298 TKS524298 TUO524298 UEK524298 UOG524298 UYC524298 VHY524298 VRU524298 WBQ524298 WLM524298 WVI524298 A589834 IW589834 SS589834 ACO589834 AMK589834 AWG589834 BGC589834 BPY589834 BZU589834 CJQ589834 CTM589834 DDI589834 DNE589834 DXA589834 EGW589834 EQS589834 FAO589834 FKK589834 FUG589834 GEC589834 GNY589834 GXU589834 HHQ589834 HRM589834 IBI589834 ILE589834 IVA589834 JEW589834 JOS589834 JYO589834 KIK589834 KSG589834 LCC589834 LLY589834 LVU589834 MFQ589834 MPM589834 MZI589834 NJE589834 NTA589834 OCW589834 OMS589834 OWO589834 PGK589834 PQG589834 QAC589834 QJY589834 QTU589834 RDQ589834 RNM589834 RXI589834 SHE589834 SRA589834 TAW589834 TKS589834 TUO589834 UEK589834 UOG589834 UYC589834 VHY589834 VRU589834 WBQ589834 WLM589834 WVI589834 A655370 IW655370 SS655370 ACO655370 AMK655370 AWG655370 BGC655370 BPY655370 BZU655370 CJQ655370 CTM655370 DDI655370 DNE655370 DXA655370 EGW655370 EQS655370 FAO655370 FKK655370 FUG655370 GEC655370 GNY655370 GXU655370 HHQ655370 HRM655370 IBI655370 ILE655370 IVA655370 JEW655370 JOS655370 JYO655370 KIK655370 KSG655370 LCC655370 LLY655370 LVU655370 MFQ655370 MPM655370 MZI655370 NJE655370 NTA655370 OCW655370 OMS655370 OWO655370 PGK655370 PQG655370 QAC655370 QJY655370 QTU655370 RDQ655370 RNM655370 RXI655370 SHE655370 SRA655370 TAW655370 TKS655370 TUO655370 UEK655370 UOG655370 UYC655370 VHY655370 VRU655370 WBQ655370 WLM655370 WVI655370 A720906 IW720906 SS720906 ACO720906 AMK720906 AWG720906 BGC720906 BPY720906 BZU720906 CJQ720906 CTM720906 DDI720906 DNE720906 DXA720906 EGW720906 EQS720906 FAO720906 FKK720906 FUG720906 GEC720906 GNY720906 GXU720906 HHQ720906 HRM720906 IBI720906 ILE720906 IVA720906 JEW720906 JOS720906 JYO720906 KIK720906 KSG720906 LCC720906 LLY720906 LVU720906 MFQ720906 MPM720906 MZI720906 NJE720906 NTA720906 OCW720906 OMS720906 OWO720906 PGK720906 PQG720906 QAC720906 QJY720906 QTU720906 RDQ720906 RNM720906 RXI720906 SHE720906 SRA720906 TAW720906 TKS720906 TUO720906 UEK720906 UOG720906 UYC720906 VHY720906 VRU720906 WBQ720906 WLM720906 WVI720906 A786442 IW786442 SS786442 ACO786442 AMK786442 AWG786442 BGC786442 BPY786442 BZU786442 CJQ786442 CTM786442 DDI786442 DNE786442 DXA786442 EGW786442 EQS786442 FAO786442 FKK786442 FUG786442 GEC786442 GNY786442 GXU786442 HHQ786442 HRM786442 IBI786442 ILE786442 IVA786442 JEW786442 JOS786442 JYO786442 KIK786442 KSG786442 LCC786442 LLY786442 LVU786442 MFQ786442 MPM786442 MZI786442 NJE786442 NTA786442 OCW786442 OMS786442 OWO786442 PGK786442 PQG786442 QAC786442 QJY786442 QTU786442 RDQ786442 RNM786442 RXI786442 SHE786442 SRA786442 TAW786442 TKS786442 TUO786442 UEK786442 UOG786442 UYC786442 VHY786442 VRU786442 WBQ786442 WLM786442 WVI786442 A851978 IW851978 SS851978 ACO851978 AMK851978 AWG851978 BGC851978 BPY851978 BZU851978 CJQ851978 CTM851978 DDI851978 DNE851978 DXA851978 EGW851978 EQS851978 FAO851978 FKK851978 FUG851978 GEC851978 GNY851978 GXU851978 HHQ851978 HRM851978 IBI851978 ILE851978 IVA851978 JEW851978 JOS851978 JYO851978 KIK851978 KSG851978 LCC851978 LLY851978 LVU851978 MFQ851978 MPM851978 MZI851978 NJE851978 NTA851978 OCW851978 OMS851978 OWO851978 PGK851978 PQG851978 QAC851978 QJY851978 QTU851978 RDQ851978 RNM851978 RXI851978 SHE851978 SRA851978 TAW851978 TKS851978 TUO851978 UEK851978 UOG851978 UYC851978 VHY851978 VRU851978 WBQ851978 WLM851978 WVI851978 A917514 IW917514 SS917514 ACO917514 AMK917514 AWG917514 BGC917514 BPY917514 BZU917514 CJQ917514 CTM917514 DDI917514 DNE917514 DXA917514 EGW917514 EQS917514 FAO917514 FKK917514 FUG917514 GEC917514 GNY917514 GXU917514 HHQ917514 HRM917514 IBI917514 ILE917514 IVA917514 JEW917514 JOS917514 JYO917514 KIK917514 KSG917514 LCC917514 LLY917514 LVU917514 MFQ917514 MPM917514 MZI917514 NJE917514 NTA917514 OCW917514 OMS917514 OWO917514 PGK917514 PQG917514 QAC917514 QJY917514 QTU917514 RDQ917514 RNM917514 RXI917514 SHE917514 SRA917514 TAW917514 TKS917514 TUO917514 UEK917514 UOG917514 UYC917514 VHY917514 VRU917514 WBQ917514 WLM917514 WVI917514 A983050 IW983050 SS983050 ACO983050 AMK983050 AWG983050 BGC983050 BPY983050 BZU983050 CJQ983050 CTM983050 DDI983050 DNE983050 DXA983050 EGW983050 EQS983050 FAO983050 FKK983050 FUG983050 GEC983050 GNY983050 GXU983050 HHQ983050 HRM983050 IBI983050 ILE983050 IVA983050 JEW983050 JOS983050 JYO983050 KIK983050 KSG983050 LCC983050 LLY983050 LVU983050 MFQ983050 MPM983050 MZI983050 NJE983050 NTA983050 OCW983050 OMS983050 OWO983050 PGK983050 PQG983050 QAC983050 QJY983050 QTU983050 RDQ983050 RNM983050 RXI983050 SHE983050 SRA983050 TAW983050 TKS983050 TUO983050 UEK983050 UOG983050 UYC983050 VHY983050 VRU983050 WBQ983050 WLM983050 WVI983050 D10 IZ10 SV10 ACR10 AMN10 AWJ10 BGF10 BQB10 BZX10 CJT10 CTP10 DDL10 DNH10 DXD10 EGZ10 EQV10 FAR10 FKN10 FUJ10 GEF10 GOB10 GXX10 HHT10 HRP10 IBL10 ILH10 IVD10 JEZ10 JOV10 JYR10 KIN10 KSJ10 LCF10 LMB10 LVX10 MFT10 MPP10 MZL10 NJH10 NTD10 OCZ10 OMV10 OWR10 PGN10 PQJ10 QAF10 QKB10 QTX10 RDT10 RNP10 RXL10 SHH10 SRD10 TAZ10 TKV10 TUR10 UEN10 UOJ10 UYF10 VIB10 VRX10 WBT10 WLP10 WVL10 D65546 IZ65546 SV65546 ACR65546 AMN65546 AWJ65546 BGF65546 BQB65546 BZX65546 CJT65546 CTP65546 DDL65546 DNH65546 DXD65546 EGZ65546 EQV65546 FAR65546 FKN65546 FUJ65546 GEF65546 GOB65546 GXX65546 HHT65546 HRP65546 IBL65546 ILH65546 IVD65546 JEZ65546 JOV65546 JYR65546 KIN65546 KSJ65546 LCF65546 LMB65546 LVX65546 MFT65546 MPP65546 MZL65546 NJH65546 NTD65546 OCZ65546 OMV65546 OWR65546 PGN65546 PQJ65546 QAF65546 QKB65546 QTX65546 RDT65546 RNP65546 RXL65546 SHH65546 SRD65546 TAZ65546 TKV65546 TUR65546 UEN65546 UOJ65546 UYF65546 VIB65546 VRX65546 WBT65546 WLP65546 WVL65546 D131082 IZ131082 SV131082 ACR131082 AMN131082 AWJ131082 BGF131082 BQB131082 BZX131082 CJT131082 CTP131082 DDL131082 DNH131082 DXD131082 EGZ131082 EQV131082 FAR131082 FKN131082 FUJ131082 GEF131082 GOB131082 GXX131082 HHT131082 HRP131082 IBL131082 ILH131082 IVD131082 JEZ131082 JOV131082 JYR131082 KIN131082 KSJ131082 LCF131082 LMB131082 LVX131082 MFT131082 MPP131082 MZL131082 NJH131082 NTD131082 OCZ131082 OMV131082 OWR131082 PGN131082 PQJ131082 QAF131082 QKB131082 QTX131082 RDT131082 RNP131082 RXL131082 SHH131082 SRD131082 TAZ131082 TKV131082 TUR131082 UEN131082 UOJ131082 UYF131082 VIB131082 VRX131082 WBT131082 WLP131082 WVL131082 D196618 IZ196618 SV196618 ACR196618 AMN196618 AWJ196618 BGF196618 BQB196618 BZX196618 CJT196618 CTP196618 DDL196618 DNH196618 DXD196618 EGZ196618 EQV196618 FAR196618 FKN196618 FUJ196618 GEF196618 GOB196618 GXX196618 HHT196618 HRP196618 IBL196618 ILH196618 IVD196618 JEZ196618 JOV196618 JYR196618 KIN196618 KSJ196618 LCF196618 LMB196618 LVX196618 MFT196618 MPP196618 MZL196618 NJH196618 NTD196618 OCZ196618 OMV196618 OWR196618 PGN196618 PQJ196618 QAF196618 QKB196618 QTX196618 RDT196618 RNP196618 RXL196618 SHH196618 SRD196618 TAZ196618 TKV196618 TUR196618 UEN196618 UOJ196618 UYF196618 VIB196618 VRX196618 WBT196618 WLP196618 WVL196618 D262154 IZ262154 SV262154 ACR262154 AMN262154 AWJ262154 BGF262154 BQB262154 BZX262154 CJT262154 CTP262154 DDL262154 DNH262154 DXD262154 EGZ262154 EQV262154 FAR262154 FKN262154 FUJ262154 GEF262154 GOB262154 GXX262154 HHT262154 HRP262154 IBL262154 ILH262154 IVD262154 JEZ262154 JOV262154 JYR262154 KIN262154 KSJ262154 LCF262154 LMB262154 LVX262154 MFT262154 MPP262154 MZL262154 NJH262154 NTD262154 OCZ262154 OMV262154 OWR262154 PGN262154 PQJ262154 QAF262154 QKB262154 QTX262154 RDT262154 RNP262154 RXL262154 SHH262154 SRD262154 TAZ262154 TKV262154 TUR262154 UEN262154 UOJ262154 UYF262154 VIB262154 VRX262154 WBT262154 WLP262154 WVL262154 D327690 IZ327690 SV327690 ACR327690 AMN327690 AWJ327690 BGF327690 BQB327690 BZX327690 CJT327690 CTP327690 DDL327690 DNH327690 DXD327690 EGZ327690 EQV327690 FAR327690 FKN327690 FUJ327690 GEF327690 GOB327690 GXX327690 HHT327690 HRP327690 IBL327690 ILH327690 IVD327690 JEZ327690 JOV327690 JYR327690 KIN327690 KSJ327690 LCF327690 LMB327690 LVX327690 MFT327690 MPP327690 MZL327690 NJH327690 NTD327690 OCZ327690 OMV327690 OWR327690 PGN327690 PQJ327690 QAF327690 QKB327690 QTX327690 RDT327690 RNP327690 RXL327690 SHH327690 SRD327690 TAZ327690 TKV327690 TUR327690 UEN327690 UOJ327690 UYF327690 VIB327690 VRX327690 WBT327690 WLP327690 WVL327690 D393226 IZ393226 SV393226 ACR393226 AMN393226 AWJ393226 BGF393226 BQB393226 BZX393226 CJT393226 CTP393226 DDL393226 DNH393226 DXD393226 EGZ393226 EQV393226 FAR393226 FKN393226 FUJ393226 GEF393226 GOB393226 GXX393226 HHT393226 HRP393226 IBL393226 ILH393226 IVD393226 JEZ393226 JOV393226 JYR393226 KIN393226 KSJ393226 LCF393226 LMB393226 LVX393226 MFT393226 MPP393226 MZL393226 NJH393226 NTD393226 OCZ393226 OMV393226 OWR393226 PGN393226 PQJ393226 QAF393226 QKB393226 QTX393226 RDT393226 RNP393226 RXL393226 SHH393226 SRD393226 TAZ393226 TKV393226 TUR393226 UEN393226 UOJ393226 UYF393226 VIB393226 VRX393226 WBT393226 WLP393226 WVL393226 D458762 IZ458762 SV458762 ACR458762 AMN458762 AWJ458762 BGF458762 BQB458762 BZX458762 CJT458762 CTP458762 DDL458762 DNH458762 DXD458762 EGZ458762 EQV458762 FAR458762 FKN458762 FUJ458762 GEF458762 GOB458762 GXX458762 HHT458762 HRP458762 IBL458762 ILH458762 IVD458762 JEZ458762 JOV458762 JYR458762 KIN458762 KSJ458762 LCF458762 LMB458762 LVX458762 MFT458762 MPP458762 MZL458762 NJH458762 NTD458762 OCZ458762 OMV458762 OWR458762 PGN458762 PQJ458762 QAF458762 QKB458762 QTX458762 RDT458762 RNP458762 RXL458762 SHH458762 SRD458762 TAZ458762 TKV458762 TUR458762 UEN458762 UOJ458762 UYF458762 VIB458762 VRX458762 WBT458762 WLP458762 WVL458762 D524298 IZ524298 SV524298 ACR524298 AMN524298 AWJ524298 BGF524298 BQB524298 BZX524298 CJT524298 CTP524298 DDL524298 DNH524298 DXD524298 EGZ524298 EQV524298 FAR524298 FKN524298 FUJ524298 GEF524298 GOB524298 GXX524298 HHT524298 HRP524298 IBL524298 ILH524298 IVD524298 JEZ524298 JOV524298 JYR524298 KIN524298 KSJ524298 LCF524298 LMB524298 LVX524298 MFT524298 MPP524298 MZL524298 NJH524298 NTD524298 OCZ524298 OMV524298 OWR524298 PGN524298 PQJ524298 QAF524298 QKB524298 QTX524298 RDT524298 RNP524298 RXL524298 SHH524298 SRD524298 TAZ524298 TKV524298 TUR524298 UEN524298 UOJ524298 UYF524298 VIB524298 VRX524298 WBT524298 WLP524298 WVL524298 D589834 IZ589834 SV589834 ACR589834 AMN589834 AWJ589834 BGF589834 BQB589834 BZX589834 CJT589834 CTP589834 DDL589834 DNH589834 DXD589834 EGZ589834 EQV589834 FAR589834 FKN589834 FUJ589834 GEF589834 GOB589834 GXX589834 HHT589834 HRP589834 IBL589834 ILH589834 IVD589834 JEZ589834 JOV589834 JYR589834 KIN589834 KSJ589834 LCF589834 LMB589834 LVX589834 MFT589834 MPP589834 MZL589834 NJH589834 NTD589834 OCZ589834 OMV589834 OWR589834 PGN589834 PQJ589834 QAF589834 QKB589834 QTX589834 RDT589834 RNP589834 RXL589834 SHH589834 SRD589834 TAZ589834 TKV589834 TUR589834 UEN589834 UOJ589834 UYF589834 VIB589834 VRX589834 WBT589834 WLP589834 WVL589834 D655370 IZ655370 SV655370 ACR655370 AMN655370 AWJ655370 BGF655370 BQB655370 BZX655370 CJT655370 CTP655370 DDL655370 DNH655370 DXD655370 EGZ655370 EQV655370 FAR655370 FKN655370 FUJ655370 GEF655370 GOB655370 GXX655370 HHT655370 HRP655370 IBL655370 ILH655370 IVD655370 JEZ655370 JOV655370 JYR655370 KIN655370 KSJ655370 LCF655370 LMB655370 LVX655370 MFT655370 MPP655370 MZL655370 NJH655370 NTD655370 OCZ655370 OMV655370 OWR655370 PGN655370 PQJ655370 QAF655370 QKB655370 QTX655370 RDT655370 RNP655370 RXL655370 SHH655370 SRD655370 TAZ655370 TKV655370 TUR655370 UEN655370 UOJ655370 UYF655370 VIB655370 VRX655370 WBT655370 WLP655370 WVL655370 D720906 IZ720906 SV720906 ACR720906 AMN720906 AWJ720906 BGF720906 BQB720906 BZX720906 CJT720906 CTP720906 DDL720906 DNH720906 DXD720906 EGZ720906 EQV720906 FAR720906 FKN720906 FUJ720906 GEF720906 GOB720906 GXX720906 HHT720906 HRP720906 IBL720906 ILH720906 IVD720906 JEZ720906 JOV720906 JYR720906 KIN720906 KSJ720906 LCF720906 LMB720906 LVX720906 MFT720906 MPP720906 MZL720906 NJH720906 NTD720906 OCZ720906 OMV720906 OWR720906 PGN720906 PQJ720906 QAF720906 QKB720906 QTX720906 RDT720906 RNP720906 RXL720906 SHH720906 SRD720906 TAZ720906 TKV720906 TUR720906 UEN720906 UOJ720906 UYF720906 VIB720906 VRX720906 WBT720906 WLP720906 WVL720906 D786442 IZ786442 SV786442 ACR786442 AMN786442 AWJ786442 BGF786442 BQB786442 BZX786442 CJT786442 CTP786442 DDL786442 DNH786442 DXD786442 EGZ786442 EQV786442 FAR786442 FKN786442 FUJ786442 GEF786442 GOB786442 GXX786442 HHT786442 HRP786442 IBL786442 ILH786442 IVD786442 JEZ786442 JOV786442 JYR786442 KIN786442 KSJ786442 LCF786442 LMB786442 LVX786442 MFT786442 MPP786442 MZL786442 NJH786442 NTD786442 OCZ786442 OMV786442 OWR786442 PGN786442 PQJ786442 QAF786442 QKB786442 QTX786442 RDT786442 RNP786442 RXL786442 SHH786442 SRD786442 TAZ786442 TKV786442 TUR786442 UEN786442 UOJ786442 UYF786442 VIB786442 VRX786442 WBT786442 WLP786442 WVL786442 D851978 IZ851978 SV851978 ACR851978 AMN851978 AWJ851978 BGF851978 BQB851978 BZX851978 CJT851978 CTP851978 DDL851978 DNH851978 DXD851978 EGZ851978 EQV851978 FAR851978 FKN851978 FUJ851978 GEF851978 GOB851978 GXX851978 HHT851978 HRP851978 IBL851978 ILH851978 IVD851978 JEZ851978 JOV851978 JYR851978 KIN851978 KSJ851978 LCF851978 LMB851978 LVX851978 MFT851978 MPP851978 MZL851978 NJH851978 NTD851978 OCZ851978 OMV851978 OWR851978 PGN851978 PQJ851978 QAF851978 QKB851978 QTX851978 RDT851978 RNP851978 RXL851978 SHH851978 SRD851978 TAZ851978 TKV851978 TUR851978 UEN851978 UOJ851978 UYF851978 VIB851978 VRX851978 WBT851978 WLP851978 WVL851978 D917514 IZ917514 SV917514 ACR917514 AMN917514 AWJ917514 BGF917514 BQB917514 BZX917514 CJT917514 CTP917514 DDL917514 DNH917514 DXD917514 EGZ917514 EQV917514 FAR917514 FKN917514 FUJ917514 GEF917514 GOB917514 GXX917514 HHT917514 HRP917514 IBL917514 ILH917514 IVD917514 JEZ917514 JOV917514 JYR917514 KIN917514 KSJ917514 LCF917514 LMB917514 LVX917514 MFT917514 MPP917514 MZL917514 NJH917514 NTD917514 OCZ917514 OMV917514 OWR917514 PGN917514 PQJ917514 QAF917514 QKB917514 QTX917514 RDT917514 RNP917514 RXL917514 SHH917514 SRD917514 TAZ917514 TKV917514 TUR917514 UEN917514 UOJ917514 UYF917514 VIB917514 VRX917514 WBT917514 WLP917514 WVL917514 D983050 IZ983050 SV983050 ACR983050 AMN983050 AWJ983050 BGF983050 BQB983050 BZX983050 CJT983050 CTP983050 DDL983050 DNH983050 DXD983050 EGZ983050 EQV983050 FAR983050 FKN983050 FUJ983050 GEF983050 GOB983050 GXX983050 HHT983050 HRP983050 IBL983050 ILH983050 IVD983050 JEZ983050 JOV983050 JYR983050 KIN983050 KSJ983050 LCF983050 LMB983050 LVX983050 MFT983050 MPP983050 MZL983050 NJH983050 NTD983050 OCZ983050 OMV983050 OWR983050 PGN983050 PQJ983050 QAF983050 QKB983050 QTX983050 RDT983050 RNP983050 RXL983050 SHH983050 SRD983050 TAZ983050 TKV983050 TUR983050 UEN983050 UOJ983050 UYF983050 VIB983050 VRX983050 WBT983050 WLP983050 WVL983050 L12 JH12 TD12 ACZ12 AMV12 AWR12 BGN12 BQJ12 CAF12 CKB12 CTX12 DDT12 DNP12 DXL12 EHH12 ERD12 FAZ12 FKV12 FUR12 GEN12 GOJ12 GYF12 HIB12 HRX12 IBT12 ILP12 IVL12 JFH12 JPD12 JYZ12 KIV12 KSR12 LCN12 LMJ12 LWF12 MGB12 MPX12 MZT12 NJP12 NTL12 ODH12 OND12 OWZ12 PGV12 PQR12 QAN12 QKJ12 QUF12 REB12 RNX12 RXT12 SHP12 SRL12 TBH12 TLD12 TUZ12 UEV12 UOR12 UYN12 VIJ12 VSF12 WCB12 WLX12 WVT12 L65548 JH65548 TD65548 ACZ65548 AMV65548 AWR65548 BGN65548 BQJ65548 CAF65548 CKB65548 CTX65548 DDT65548 DNP65548 DXL65548 EHH65548 ERD65548 FAZ65548 FKV65548 FUR65548 GEN65548 GOJ65548 GYF65548 HIB65548 HRX65548 IBT65548 ILP65548 IVL65548 JFH65548 JPD65548 JYZ65548 KIV65548 KSR65548 LCN65548 LMJ65548 LWF65548 MGB65548 MPX65548 MZT65548 NJP65548 NTL65548 ODH65548 OND65548 OWZ65548 PGV65548 PQR65548 QAN65548 QKJ65548 QUF65548 REB65548 RNX65548 RXT65548 SHP65548 SRL65548 TBH65548 TLD65548 TUZ65548 UEV65548 UOR65548 UYN65548 VIJ65548 VSF65548 WCB65548 WLX65548 WVT65548 L131084 JH131084 TD131084 ACZ131084 AMV131084 AWR131084 BGN131084 BQJ131084 CAF131084 CKB131084 CTX131084 DDT131084 DNP131084 DXL131084 EHH131084 ERD131084 FAZ131084 FKV131084 FUR131084 GEN131084 GOJ131084 GYF131084 HIB131084 HRX131084 IBT131084 ILP131084 IVL131084 JFH131084 JPD131084 JYZ131084 KIV131084 KSR131084 LCN131084 LMJ131084 LWF131084 MGB131084 MPX131084 MZT131084 NJP131084 NTL131084 ODH131084 OND131084 OWZ131084 PGV131084 PQR131084 QAN131084 QKJ131084 QUF131084 REB131084 RNX131084 RXT131084 SHP131084 SRL131084 TBH131084 TLD131084 TUZ131084 UEV131084 UOR131084 UYN131084 VIJ131084 VSF131084 WCB131084 WLX131084 WVT131084 L196620 JH196620 TD196620 ACZ196620 AMV196620 AWR196620 BGN196620 BQJ196620 CAF196620 CKB196620 CTX196620 DDT196620 DNP196620 DXL196620 EHH196620 ERD196620 FAZ196620 FKV196620 FUR196620 GEN196620 GOJ196620 GYF196620 HIB196620 HRX196620 IBT196620 ILP196620 IVL196620 JFH196620 JPD196620 JYZ196620 KIV196620 KSR196620 LCN196620 LMJ196620 LWF196620 MGB196620 MPX196620 MZT196620 NJP196620 NTL196620 ODH196620 OND196620 OWZ196620 PGV196620 PQR196620 QAN196620 QKJ196620 QUF196620 REB196620 RNX196620 RXT196620 SHP196620 SRL196620 TBH196620 TLD196620 TUZ196620 UEV196620 UOR196620 UYN196620 VIJ196620 VSF196620 WCB196620 WLX196620 WVT196620 L262156 JH262156 TD262156 ACZ262156 AMV262156 AWR262156 BGN262156 BQJ262156 CAF262156 CKB262156 CTX262156 DDT262156 DNP262156 DXL262156 EHH262156 ERD262156 FAZ262156 FKV262156 FUR262156 GEN262156 GOJ262156 GYF262156 HIB262156 HRX262156 IBT262156 ILP262156 IVL262156 JFH262156 JPD262156 JYZ262156 KIV262156 KSR262156 LCN262156 LMJ262156 LWF262156 MGB262156 MPX262156 MZT262156 NJP262156 NTL262156 ODH262156 OND262156 OWZ262156 PGV262156 PQR262156 QAN262156 QKJ262156 QUF262156 REB262156 RNX262156 RXT262156 SHP262156 SRL262156 TBH262156 TLD262156 TUZ262156 UEV262156 UOR262156 UYN262156 VIJ262156 VSF262156 WCB262156 WLX262156 WVT262156 L327692 JH327692 TD327692 ACZ327692 AMV327692 AWR327692 BGN327692 BQJ327692 CAF327692 CKB327692 CTX327692 DDT327692 DNP327692 DXL327692 EHH327692 ERD327692 FAZ327692 FKV327692 FUR327692 GEN327692 GOJ327692 GYF327692 HIB327692 HRX327692 IBT327692 ILP327692 IVL327692 JFH327692 JPD327692 JYZ327692 KIV327692 KSR327692 LCN327692 LMJ327692 LWF327692 MGB327692 MPX327692 MZT327692 NJP327692 NTL327692 ODH327692 OND327692 OWZ327692 PGV327692 PQR327692 QAN327692 QKJ327692 QUF327692 REB327692 RNX327692 RXT327692 SHP327692 SRL327692 TBH327692 TLD327692 TUZ327692 UEV327692 UOR327692 UYN327692 VIJ327692 VSF327692 WCB327692 WLX327692 WVT327692 L393228 JH393228 TD393228 ACZ393228 AMV393228 AWR393228 BGN393228 BQJ393228 CAF393228 CKB393228 CTX393228 DDT393228 DNP393228 DXL393228 EHH393228 ERD393228 FAZ393228 FKV393228 FUR393228 GEN393228 GOJ393228 GYF393228 HIB393228 HRX393228 IBT393228 ILP393228 IVL393228 JFH393228 JPD393228 JYZ393228 KIV393228 KSR393228 LCN393228 LMJ393228 LWF393228 MGB393228 MPX393228 MZT393228 NJP393228 NTL393228 ODH393228 OND393228 OWZ393228 PGV393228 PQR393228 QAN393228 QKJ393228 QUF393228 REB393228 RNX393228 RXT393228 SHP393228 SRL393228 TBH393228 TLD393228 TUZ393228 UEV393228 UOR393228 UYN393228 VIJ393228 VSF393228 WCB393228 WLX393228 WVT393228 L458764 JH458764 TD458764 ACZ458764 AMV458764 AWR458764 BGN458764 BQJ458764 CAF458764 CKB458764 CTX458764 DDT458764 DNP458764 DXL458764 EHH458764 ERD458764 FAZ458764 FKV458764 FUR458764 GEN458764 GOJ458764 GYF458764 HIB458764 HRX458764 IBT458764 ILP458764 IVL458764 JFH458764 JPD458764 JYZ458764 KIV458764 KSR458764 LCN458764 LMJ458764 LWF458764 MGB458764 MPX458764 MZT458764 NJP458764 NTL458764 ODH458764 OND458764 OWZ458764 PGV458764 PQR458764 QAN458764 QKJ458764 QUF458764 REB458764 RNX458764 RXT458764 SHP458764 SRL458764 TBH458764 TLD458764 TUZ458764 UEV458764 UOR458764 UYN458764 VIJ458764 VSF458764 WCB458764 WLX458764 WVT458764 L524300 JH524300 TD524300 ACZ524300 AMV524300 AWR524300 BGN524300 BQJ524300 CAF524300 CKB524300 CTX524300 DDT524300 DNP524300 DXL524300 EHH524300 ERD524300 FAZ524300 FKV524300 FUR524300 GEN524300 GOJ524300 GYF524300 HIB524300 HRX524300 IBT524300 ILP524300 IVL524300 JFH524300 JPD524300 JYZ524300 KIV524300 KSR524300 LCN524300 LMJ524300 LWF524300 MGB524300 MPX524300 MZT524300 NJP524300 NTL524300 ODH524300 OND524300 OWZ524300 PGV524300 PQR524300 QAN524300 QKJ524300 QUF524300 REB524300 RNX524300 RXT524300 SHP524300 SRL524300 TBH524300 TLD524300 TUZ524300 UEV524300 UOR524300 UYN524300 VIJ524300 VSF524300 WCB524300 WLX524300 WVT524300 L589836 JH589836 TD589836 ACZ589836 AMV589836 AWR589836 BGN589836 BQJ589836 CAF589836 CKB589836 CTX589836 DDT589836 DNP589836 DXL589836 EHH589836 ERD589836 FAZ589836 FKV589836 FUR589836 GEN589836 GOJ589836 GYF589836 HIB589836 HRX589836 IBT589836 ILP589836 IVL589836 JFH589836 JPD589836 JYZ589836 KIV589836 KSR589836 LCN589836 LMJ589836 LWF589836 MGB589836 MPX589836 MZT589836 NJP589836 NTL589836 ODH589836 OND589836 OWZ589836 PGV589836 PQR589836 QAN589836 QKJ589836 QUF589836 REB589836 RNX589836 RXT589836 SHP589836 SRL589836 TBH589836 TLD589836 TUZ589836 UEV589836 UOR589836 UYN589836 VIJ589836 VSF589836 WCB589836 WLX589836 WVT589836 L655372 JH655372 TD655372 ACZ655372 AMV655372 AWR655372 BGN655372 BQJ655372 CAF655372 CKB655372 CTX655372 DDT655372 DNP655372 DXL655372 EHH655372 ERD655372 FAZ655372 FKV655372 FUR655372 GEN655372 GOJ655372 GYF655372 HIB655372 HRX655372 IBT655372 ILP655372 IVL655372 JFH655372 JPD655372 JYZ655372 KIV655372 KSR655372 LCN655372 LMJ655372 LWF655372 MGB655372 MPX655372 MZT655372 NJP655372 NTL655372 ODH655372 OND655372 OWZ655372 PGV655372 PQR655372 QAN655372 QKJ655372 QUF655372 REB655372 RNX655372 RXT655372 SHP655372 SRL655372 TBH655372 TLD655372 TUZ655372 UEV655372 UOR655372 UYN655372 VIJ655372 VSF655372 WCB655372 WLX655372 WVT655372 L720908 JH720908 TD720908 ACZ720908 AMV720908 AWR720908 BGN720908 BQJ720908 CAF720908 CKB720908 CTX720908 DDT720908 DNP720908 DXL720908 EHH720908 ERD720908 FAZ720908 FKV720908 FUR720908 GEN720908 GOJ720908 GYF720908 HIB720908 HRX720908 IBT720908 ILP720908 IVL720908 JFH720908 JPD720908 JYZ720908 KIV720908 KSR720908 LCN720908 LMJ720908 LWF720908 MGB720908 MPX720908 MZT720908 NJP720908 NTL720908 ODH720908 OND720908 OWZ720908 PGV720908 PQR720908 QAN720908 QKJ720908 QUF720908 REB720908 RNX720908 RXT720908 SHP720908 SRL720908 TBH720908 TLD720908 TUZ720908 UEV720908 UOR720908 UYN720908 VIJ720908 VSF720908 WCB720908 WLX720908 WVT720908 L786444 JH786444 TD786444 ACZ786444 AMV786444 AWR786444 BGN786444 BQJ786444 CAF786444 CKB786444 CTX786444 DDT786444 DNP786444 DXL786444 EHH786444 ERD786444 FAZ786444 FKV786444 FUR786444 GEN786444 GOJ786444 GYF786444 HIB786444 HRX786444 IBT786444 ILP786444 IVL786444 JFH786444 JPD786444 JYZ786444 KIV786444 KSR786444 LCN786444 LMJ786444 LWF786444 MGB786444 MPX786444 MZT786444 NJP786444 NTL786444 ODH786444 OND786444 OWZ786444 PGV786444 PQR786444 QAN786444 QKJ786444 QUF786444 REB786444 RNX786444 RXT786444 SHP786444 SRL786444 TBH786444 TLD786444 TUZ786444 UEV786444 UOR786444 UYN786444 VIJ786444 VSF786444 WCB786444 WLX786444 WVT786444 L851980 JH851980 TD851980 ACZ851980 AMV851980 AWR851980 BGN851980 BQJ851980 CAF851980 CKB851980 CTX851980 DDT851980 DNP851980 DXL851980 EHH851980 ERD851980 FAZ851980 FKV851980 FUR851980 GEN851980 GOJ851980 GYF851980 HIB851980 HRX851980 IBT851980 ILP851980 IVL851980 JFH851980 JPD851980 JYZ851980 KIV851980 KSR851980 LCN851980 LMJ851980 LWF851980 MGB851980 MPX851980 MZT851980 NJP851980 NTL851980 ODH851980 OND851980 OWZ851980 PGV851980 PQR851980 QAN851980 QKJ851980 QUF851980 REB851980 RNX851980 RXT851980 SHP851980 SRL851980 TBH851980 TLD851980 TUZ851980 UEV851980 UOR851980 UYN851980 VIJ851980 VSF851980 WCB851980 WLX851980 WVT851980 L917516 JH917516 TD917516 ACZ917516 AMV917516 AWR917516 BGN917516 BQJ917516 CAF917516 CKB917516 CTX917516 DDT917516 DNP917516 DXL917516 EHH917516 ERD917516 FAZ917516 FKV917516 FUR917516 GEN917516 GOJ917516 GYF917516 HIB917516 HRX917516 IBT917516 ILP917516 IVL917516 JFH917516 JPD917516 JYZ917516 KIV917516 KSR917516 LCN917516 LMJ917516 LWF917516 MGB917516 MPX917516 MZT917516 NJP917516 NTL917516 ODH917516 OND917516 OWZ917516 PGV917516 PQR917516 QAN917516 QKJ917516 QUF917516 REB917516 RNX917516 RXT917516 SHP917516 SRL917516 TBH917516 TLD917516 TUZ917516 UEV917516 UOR917516 UYN917516 VIJ917516 VSF917516 WCB917516 WLX917516 WVT917516 L983052 JH983052 TD983052 ACZ983052 AMV983052 AWR983052 BGN983052 BQJ983052 CAF983052 CKB983052 CTX983052 DDT983052 DNP983052 DXL983052 EHH983052 ERD983052 FAZ983052 FKV983052 FUR983052 GEN983052 GOJ983052 GYF983052 HIB983052 HRX983052 IBT983052 ILP983052 IVL983052 JFH983052 JPD983052 JYZ983052 KIV983052 KSR983052 LCN983052 LMJ983052 LWF983052 MGB983052 MPX983052 MZT983052 NJP983052 NTL983052 ODH983052 OND983052 OWZ983052 PGV983052 PQR983052 QAN983052 QKJ983052 QUF983052 REB983052 RNX983052 RXT983052 SHP983052 SRL983052 TBH983052 TLD983052 TUZ983052 UEV983052 UOR983052 UYN983052 VIJ983052 VSF983052 WCB983052 WLX983052 WVT983052 Y12 JU12 TQ12 ADM12 ANI12 AXE12 BHA12 BQW12 CAS12 CKO12 CUK12 DEG12 DOC12 DXY12 EHU12 ERQ12 FBM12 FLI12 FVE12 GFA12 GOW12 GYS12 HIO12 HSK12 ICG12 IMC12 IVY12 JFU12 JPQ12 JZM12 KJI12 KTE12 LDA12 LMW12 LWS12 MGO12 MQK12 NAG12 NKC12 NTY12 ODU12 ONQ12 OXM12 PHI12 PRE12 QBA12 QKW12 QUS12 REO12 ROK12 RYG12 SIC12 SRY12 TBU12 TLQ12 TVM12 UFI12 UPE12 UZA12 VIW12 VSS12 WCO12 WMK12 WWG12 Y65548 JU65548 TQ65548 ADM65548 ANI65548 AXE65548 BHA65548 BQW65548 CAS65548 CKO65548 CUK65548 DEG65548 DOC65548 DXY65548 EHU65548 ERQ65548 FBM65548 FLI65548 FVE65548 GFA65548 GOW65548 GYS65548 HIO65548 HSK65548 ICG65548 IMC65548 IVY65548 JFU65548 JPQ65548 JZM65548 KJI65548 KTE65548 LDA65548 LMW65548 LWS65548 MGO65548 MQK65548 NAG65548 NKC65548 NTY65548 ODU65548 ONQ65548 OXM65548 PHI65548 PRE65548 QBA65548 QKW65548 QUS65548 REO65548 ROK65548 RYG65548 SIC65548 SRY65548 TBU65548 TLQ65548 TVM65548 UFI65548 UPE65548 UZA65548 VIW65548 VSS65548 WCO65548 WMK65548 WWG65548 Y131084 JU131084 TQ131084 ADM131084 ANI131084 AXE131084 BHA131084 BQW131084 CAS131084 CKO131084 CUK131084 DEG131084 DOC131084 DXY131084 EHU131084 ERQ131084 FBM131084 FLI131084 FVE131084 GFA131084 GOW131084 GYS131084 HIO131084 HSK131084 ICG131084 IMC131084 IVY131084 JFU131084 JPQ131084 JZM131084 KJI131084 KTE131084 LDA131084 LMW131084 LWS131084 MGO131084 MQK131084 NAG131084 NKC131084 NTY131084 ODU131084 ONQ131084 OXM131084 PHI131084 PRE131084 QBA131084 QKW131084 QUS131084 REO131084 ROK131084 RYG131084 SIC131084 SRY131084 TBU131084 TLQ131084 TVM131084 UFI131084 UPE131084 UZA131084 VIW131084 VSS131084 WCO131084 WMK131084 WWG131084 Y196620 JU196620 TQ196620 ADM196620 ANI196620 AXE196620 BHA196620 BQW196620 CAS196620 CKO196620 CUK196620 DEG196620 DOC196620 DXY196620 EHU196620 ERQ196620 FBM196620 FLI196620 FVE196620 GFA196620 GOW196620 GYS196620 HIO196620 HSK196620 ICG196620 IMC196620 IVY196620 JFU196620 JPQ196620 JZM196620 KJI196620 KTE196620 LDA196620 LMW196620 LWS196620 MGO196620 MQK196620 NAG196620 NKC196620 NTY196620 ODU196620 ONQ196620 OXM196620 PHI196620 PRE196620 QBA196620 QKW196620 QUS196620 REO196620 ROK196620 RYG196620 SIC196620 SRY196620 TBU196620 TLQ196620 TVM196620 UFI196620 UPE196620 UZA196620 VIW196620 VSS196620 WCO196620 WMK196620 WWG196620 Y262156 JU262156 TQ262156 ADM262156 ANI262156 AXE262156 BHA262156 BQW262156 CAS262156 CKO262156 CUK262156 DEG262156 DOC262156 DXY262156 EHU262156 ERQ262156 FBM262156 FLI262156 FVE262156 GFA262156 GOW262156 GYS262156 HIO262156 HSK262156 ICG262156 IMC262156 IVY262156 JFU262156 JPQ262156 JZM262156 KJI262156 KTE262156 LDA262156 LMW262156 LWS262156 MGO262156 MQK262156 NAG262156 NKC262156 NTY262156 ODU262156 ONQ262156 OXM262156 PHI262156 PRE262156 QBA262156 QKW262156 QUS262156 REO262156 ROK262156 RYG262156 SIC262156 SRY262156 TBU262156 TLQ262156 TVM262156 UFI262156 UPE262156 UZA262156 VIW262156 VSS262156 WCO262156 WMK262156 WWG262156 Y327692 JU327692 TQ327692 ADM327692 ANI327692 AXE327692 BHA327692 BQW327692 CAS327692 CKO327692 CUK327692 DEG327692 DOC327692 DXY327692 EHU327692 ERQ327692 FBM327692 FLI327692 FVE327692 GFA327692 GOW327692 GYS327692 HIO327692 HSK327692 ICG327692 IMC327692 IVY327692 JFU327692 JPQ327692 JZM327692 KJI327692 KTE327692 LDA327692 LMW327692 LWS327692 MGO327692 MQK327692 NAG327692 NKC327692 NTY327692 ODU327692 ONQ327692 OXM327692 PHI327692 PRE327692 QBA327692 QKW327692 QUS327692 REO327692 ROK327692 RYG327692 SIC327692 SRY327692 TBU327692 TLQ327692 TVM327692 UFI327692 UPE327692 UZA327692 VIW327692 VSS327692 WCO327692 WMK327692 WWG327692 Y393228 JU393228 TQ393228 ADM393228 ANI393228 AXE393228 BHA393228 BQW393228 CAS393228 CKO393228 CUK393228 DEG393228 DOC393228 DXY393228 EHU393228 ERQ393228 FBM393228 FLI393228 FVE393228 GFA393228 GOW393228 GYS393228 HIO393228 HSK393228 ICG393228 IMC393228 IVY393228 JFU393228 JPQ393228 JZM393228 KJI393228 KTE393228 LDA393228 LMW393228 LWS393228 MGO393228 MQK393228 NAG393228 NKC393228 NTY393228 ODU393228 ONQ393228 OXM393228 PHI393228 PRE393228 QBA393228 QKW393228 QUS393228 REO393228 ROK393228 RYG393228 SIC393228 SRY393228 TBU393228 TLQ393228 TVM393228 UFI393228 UPE393228 UZA393228 VIW393228 VSS393228 WCO393228 WMK393228 WWG393228 Y458764 JU458764 TQ458764 ADM458764 ANI458764 AXE458764 BHA458764 BQW458764 CAS458764 CKO458764 CUK458764 DEG458764 DOC458764 DXY458764 EHU458764 ERQ458764 FBM458764 FLI458764 FVE458764 GFA458764 GOW458764 GYS458764 HIO458764 HSK458764 ICG458764 IMC458764 IVY458764 JFU458764 JPQ458764 JZM458764 KJI458764 KTE458764 LDA458764 LMW458764 LWS458764 MGO458764 MQK458764 NAG458764 NKC458764 NTY458764 ODU458764 ONQ458764 OXM458764 PHI458764 PRE458764 QBA458764 QKW458764 QUS458764 REO458764 ROK458764 RYG458764 SIC458764 SRY458764 TBU458764 TLQ458764 TVM458764 UFI458764 UPE458764 UZA458764 VIW458764 VSS458764 WCO458764 WMK458764 WWG458764 Y524300 JU524300 TQ524300 ADM524300 ANI524300 AXE524300 BHA524300 BQW524300 CAS524300 CKO524300 CUK524300 DEG524300 DOC524300 DXY524300 EHU524300 ERQ524300 FBM524300 FLI524300 FVE524300 GFA524300 GOW524300 GYS524300 HIO524300 HSK524300 ICG524300 IMC524300 IVY524300 JFU524300 JPQ524300 JZM524300 KJI524300 KTE524300 LDA524300 LMW524300 LWS524300 MGO524300 MQK524300 NAG524300 NKC524300 NTY524300 ODU524300 ONQ524300 OXM524300 PHI524300 PRE524300 QBA524300 QKW524300 QUS524300 REO524300 ROK524300 RYG524300 SIC524300 SRY524300 TBU524300 TLQ524300 TVM524300 UFI524300 UPE524300 UZA524300 VIW524300 VSS524300 WCO524300 WMK524300 WWG524300 Y589836 JU589836 TQ589836 ADM589836 ANI589836 AXE589836 BHA589836 BQW589836 CAS589836 CKO589836 CUK589836 DEG589836 DOC589836 DXY589836 EHU589836 ERQ589836 FBM589836 FLI589836 FVE589836 GFA589836 GOW589836 GYS589836 HIO589836 HSK589836 ICG589836 IMC589836 IVY589836 JFU589836 JPQ589836 JZM589836 KJI589836 KTE589836 LDA589836 LMW589836 LWS589836 MGO589836 MQK589836 NAG589836 NKC589836 NTY589836 ODU589836 ONQ589836 OXM589836 PHI589836 PRE589836 QBA589836 QKW589836 QUS589836 REO589836 ROK589836 RYG589836 SIC589836 SRY589836 TBU589836 TLQ589836 TVM589836 UFI589836 UPE589836 UZA589836 VIW589836 VSS589836 WCO589836 WMK589836 WWG589836 Y655372 JU655372 TQ655372 ADM655372 ANI655372 AXE655372 BHA655372 BQW655372 CAS655372 CKO655372 CUK655372 DEG655372 DOC655372 DXY655372 EHU655372 ERQ655372 FBM655372 FLI655372 FVE655372 GFA655372 GOW655372 GYS655372 HIO655372 HSK655372 ICG655372 IMC655372 IVY655372 JFU655372 JPQ655372 JZM655372 KJI655372 KTE655372 LDA655372 LMW655372 LWS655372 MGO655372 MQK655372 NAG655372 NKC655372 NTY655372 ODU655372 ONQ655372 OXM655372 PHI655372 PRE655372 QBA655372 QKW655372 QUS655372 REO655372 ROK655372 RYG655372 SIC655372 SRY655372 TBU655372 TLQ655372 TVM655372 UFI655372 UPE655372 UZA655372 VIW655372 VSS655372 WCO655372 WMK655372 WWG655372 Y720908 JU720908 TQ720908 ADM720908 ANI720908 AXE720908 BHA720908 BQW720908 CAS720908 CKO720908 CUK720908 DEG720908 DOC720908 DXY720908 EHU720908 ERQ720908 FBM720908 FLI720908 FVE720908 GFA720908 GOW720908 GYS720908 HIO720908 HSK720908 ICG720908 IMC720908 IVY720908 JFU720908 JPQ720908 JZM720908 KJI720908 KTE720908 LDA720908 LMW720908 LWS720908 MGO720908 MQK720908 NAG720908 NKC720908 NTY720908 ODU720908 ONQ720908 OXM720908 PHI720908 PRE720908 QBA720908 QKW720908 QUS720908 REO720908 ROK720908 RYG720908 SIC720908 SRY720908 TBU720908 TLQ720908 TVM720908 UFI720908 UPE720908 UZA720908 VIW720908 VSS720908 WCO720908 WMK720908 WWG720908 Y786444 JU786444 TQ786444 ADM786444 ANI786444 AXE786444 BHA786444 BQW786444 CAS786444 CKO786444 CUK786444 DEG786444 DOC786444 DXY786444 EHU786444 ERQ786444 FBM786444 FLI786444 FVE786444 GFA786444 GOW786444 GYS786444 HIO786444 HSK786444 ICG786444 IMC786444 IVY786444 JFU786444 JPQ786444 JZM786444 KJI786444 KTE786444 LDA786444 LMW786444 LWS786444 MGO786444 MQK786444 NAG786444 NKC786444 NTY786444 ODU786444 ONQ786444 OXM786444 PHI786444 PRE786444 QBA786444 QKW786444 QUS786444 REO786444 ROK786444 RYG786444 SIC786444 SRY786444 TBU786444 TLQ786444 TVM786444 UFI786444 UPE786444 UZA786444 VIW786444 VSS786444 WCO786444 WMK786444 WWG786444 Y851980 JU851980 TQ851980 ADM851980 ANI851980 AXE851980 BHA851980 BQW851980 CAS851980 CKO851980 CUK851980 DEG851980 DOC851980 DXY851980 EHU851980 ERQ851980 FBM851980 FLI851980 FVE851980 GFA851980 GOW851980 GYS851980 HIO851980 HSK851980 ICG851980 IMC851980 IVY851980 JFU851980 JPQ851980 JZM851980 KJI851980 KTE851980 LDA851980 LMW851980 LWS851980 MGO851980 MQK851980 NAG851980 NKC851980 NTY851980 ODU851980 ONQ851980 OXM851980 PHI851980 PRE851980 QBA851980 QKW851980 QUS851980 REO851980 ROK851980 RYG851980 SIC851980 SRY851980 TBU851980 TLQ851980 TVM851980 UFI851980 UPE851980 UZA851980 VIW851980 VSS851980 WCO851980 WMK851980 WWG851980 Y917516 JU917516 TQ917516 ADM917516 ANI917516 AXE917516 BHA917516 BQW917516 CAS917516 CKO917516 CUK917516 DEG917516 DOC917516 DXY917516 EHU917516 ERQ917516 FBM917516 FLI917516 FVE917516 GFA917516 GOW917516 GYS917516 HIO917516 HSK917516 ICG917516 IMC917516 IVY917516 JFU917516 JPQ917516 JZM917516 KJI917516 KTE917516 LDA917516 LMW917516 LWS917516 MGO917516 MQK917516 NAG917516 NKC917516 NTY917516 ODU917516 ONQ917516 OXM917516 PHI917516 PRE917516 QBA917516 QKW917516 QUS917516 REO917516 ROK917516 RYG917516 SIC917516 SRY917516 TBU917516 TLQ917516 TVM917516 UFI917516 UPE917516 UZA917516 VIW917516 VSS917516 WCO917516 WMK917516 WWG917516 Y983052 JU983052 TQ983052 ADM983052 ANI983052 AXE983052 BHA983052 BQW983052 CAS983052 CKO983052 CUK983052 DEG983052 DOC983052 DXY983052 EHU983052 ERQ983052 FBM983052 FLI983052 FVE983052 GFA983052 GOW983052 GYS983052 HIO983052 HSK983052 ICG983052 IMC983052 IVY983052 JFU983052 JPQ983052 JZM983052 KJI983052 KTE983052 LDA983052 LMW983052 LWS983052 MGO983052 MQK983052 NAG983052 NKC983052 NTY983052 ODU983052 ONQ983052 OXM983052 PHI983052 PRE983052 QBA983052 QKW983052 QUS983052 REO983052 ROK983052 RYG983052 SIC983052 SRY983052 TBU983052 TLQ983052 TVM983052 UFI983052 UPE983052 UZA983052 VIW983052 VSS983052 WCO983052 WMK983052 WWG983052 A14 IW14 SS14 ACO14 AMK14 AWG14 BGC14 BPY14 BZU14 CJQ14 CTM14 DDI14 DNE14 DXA14 EGW14 EQS14 FAO14 FKK14 FUG14 GEC14 GNY14 GXU14 HHQ14 HRM14 IBI14 ILE14 IVA14 JEW14 JOS14 JYO14 KIK14 KSG14 LCC14 LLY14 LVU14 MFQ14 MPM14 MZI14 NJE14 NTA14 OCW14 OMS14 OWO14 PGK14 PQG14 QAC14 QJY14 QTU14 RDQ14 RNM14 RXI14 SHE14 SRA14 TAW14 TKS14 TUO14 UEK14 UOG14 UYC14 VHY14 VRU14 WBQ14 WLM14 WVI14 A65550 IW65550 SS65550 ACO65550 AMK65550 AWG65550 BGC65550 BPY65550 BZU65550 CJQ65550 CTM65550 DDI65550 DNE65550 DXA65550 EGW65550 EQS65550 FAO65550 FKK65550 FUG65550 GEC65550 GNY65550 GXU65550 HHQ65550 HRM65550 IBI65550 ILE65550 IVA65550 JEW65550 JOS65550 JYO65550 KIK65550 KSG65550 LCC65550 LLY65550 LVU65550 MFQ65550 MPM65550 MZI65550 NJE65550 NTA65550 OCW65550 OMS65550 OWO65550 PGK65550 PQG65550 QAC65550 QJY65550 QTU65550 RDQ65550 RNM65550 RXI65550 SHE65550 SRA65550 TAW65550 TKS65550 TUO65550 UEK65550 UOG65550 UYC65550 VHY65550 VRU65550 WBQ65550 WLM65550 WVI65550 A131086 IW131086 SS131086 ACO131086 AMK131086 AWG131086 BGC131086 BPY131086 BZU131086 CJQ131086 CTM131086 DDI131086 DNE131086 DXA131086 EGW131086 EQS131086 FAO131086 FKK131086 FUG131086 GEC131086 GNY131086 GXU131086 HHQ131086 HRM131086 IBI131086 ILE131086 IVA131086 JEW131086 JOS131086 JYO131086 KIK131086 KSG131086 LCC131086 LLY131086 LVU131086 MFQ131086 MPM131086 MZI131086 NJE131086 NTA131086 OCW131086 OMS131086 OWO131086 PGK131086 PQG131086 QAC131086 QJY131086 QTU131086 RDQ131086 RNM131086 RXI131086 SHE131086 SRA131086 TAW131086 TKS131086 TUO131086 UEK131086 UOG131086 UYC131086 VHY131086 VRU131086 WBQ131086 WLM131086 WVI131086 A196622 IW196622 SS196622 ACO196622 AMK196622 AWG196622 BGC196622 BPY196622 BZU196622 CJQ196622 CTM196622 DDI196622 DNE196622 DXA196622 EGW196622 EQS196622 FAO196622 FKK196622 FUG196622 GEC196622 GNY196622 GXU196622 HHQ196622 HRM196622 IBI196622 ILE196622 IVA196622 JEW196622 JOS196622 JYO196622 KIK196622 KSG196622 LCC196622 LLY196622 LVU196622 MFQ196622 MPM196622 MZI196622 NJE196622 NTA196622 OCW196622 OMS196622 OWO196622 PGK196622 PQG196622 QAC196622 QJY196622 QTU196622 RDQ196622 RNM196622 RXI196622 SHE196622 SRA196622 TAW196622 TKS196622 TUO196622 UEK196622 UOG196622 UYC196622 VHY196622 VRU196622 WBQ196622 WLM196622 WVI196622 A262158 IW262158 SS262158 ACO262158 AMK262158 AWG262158 BGC262158 BPY262158 BZU262158 CJQ262158 CTM262158 DDI262158 DNE262158 DXA262158 EGW262158 EQS262158 FAO262158 FKK262158 FUG262158 GEC262158 GNY262158 GXU262158 HHQ262158 HRM262158 IBI262158 ILE262158 IVA262158 JEW262158 JOS262158 JYO262158 KIK262158 KSG262158 LCC262158 LLY262158 LVU262158 MFQ262158 MPM262158 MZI262158 NJE262158 NTA262158 OCW262158 OMS262158 OWO262158 PGK262158 PQG262158 QAC262158 QJY262158 QTU262158 RDQ262158 RNM262158 RXI262158 SHE262158 SRA262158 TAW262158 TKS262158 TUO262158 UEK262158 UOG262158 UYC262158 VHY262158 VRU262158 WBQ262158 WLM262158 WVI262158 A327694 IW327694 SS327694 ACO327694 AMK327694 AWG327694 BGC327694 BPY327694 BZU327694 CJQ327694 CTM327694 DDI327694 DNE327694 DXA327694 EGW327694 EQS327694 FAO327694 FKK327694 FUG327694 GEC327694 GNY327694 GXU327694 HHQ327694 HRM327694 IBI327694 ILE327694 IVA327694 JEW327694 JOS327694 JYO327694 KIK327694 KSG327694 LCC327694 LLY327694 LVU327694 MFQ327694 MPM327694 MZI327694 NJE327694 NTA327694 OCW327694 OMS327694 OWO327694 PGK327694 PQG327694 QAC327694 QJY327694 QTU327694 RDQ327694 RNM327694 RXI327694 SHE327694 SRA327694 TAW327694 TKS327694 TUO327694 UEK327694 UOG327694 UYC327694 VHY327694 VRU327694 WBQ327694 WLM327694 WVI327694 A393230 IW393230 SS393230 ACO393230 AMK393230 AWG393230 BGC393230 BPY393230 BZU393230 CJQ393230 CTM393230 DDI393230 DNE393230 DXA393230 EGW393230 EQS393230 FAO393230 FKK393230 FUG393230 GEC393230 GNY393230 GXU393230 HHQ393230 HRM393230 IBI393230 ILE393230 IVA393230 JEW393230 JOS393230 JYO393230 KIK393230 KSG393230 LCC393230 LLY393230 LVU393230 MFQ393230 MPM393230 MZI393230 NJE393230 NTA393230 OCW393230 OMS393230 OWO393230 PGK393230 PQG393230 QAC393230 QJY393230 QTU393230 RDQ393230 RNM393230 RXI393230 SHE393230 SRA393230 TAW393230 TKS393230 TUO393230 UEK393230 UOG393230 UYC393230 VHY393230 VRU393230 WBQ393230 WLM393230 WVI393230 A458766 IW458766 SS458766 ACO458766 AMK458766 AWG458766 BGC458766 BPY458766 BZU458766 CJQ458766 CTM458766 DDI458766 DNE458766 DXA458766 EGW458766 EQS458766 FAO458766 FKK458766 FUG458766 GEC458766 GNY458766 GXU458766 HHQ458766 HRM458766 IBI458766 ILE458766 IVA458766 JEW458766 JOS458766 JYO458766 KIK458766 KSG458766 LCC458766 LLY458766 LVU458766 MFQ458766 MPM458766 MZI458766 NJE458766 NTA458766 OCW458766 OMS458766 OWO458766 PGK458766 PQG458766 QAC458766 QJY458766 QTU458766 RDQ458766 RNM458766 RXI458766 SHE458766 SRA458766 TAW458766 TKS458766 TUO458766 UEK458766 UOG458766 UYC458766 VHY458766 VRU458766 WBQ458766 WLM458766 WVI458766 A524302 IW524302 SS524302 ACO524302 AMK524302 AWG524302 BGC524302 BPY524302 BZU524302 CJQ524302 CTM524302 DDI524302 DNE524302 DXA524302 EGW524302 EQS524302 FAO524302 FKK524302 FUG524302 GEC524302 GNY524302 GXU524302 HHQ524302 HRM524302 IBI524302 ILE524302 IVA524302 JEW524302 JOS524302 JYO524302 KIK524302 KSG524302 LCC524302 LLY524302 LVU524302 MFQ524302 MPM524302 MZI524302 NJE524302 NTA524302 OCW524302 OMS524302 OWO524302 PGK524302 PQG524302 QAC524302 QJY524302 QTU524302 RDQ524302 RNM524302 RXI524302 SHE524302 SRA524302 TAW524302 TKS524302 TUO524302 UEK524302 UOG524302 UYC524302 VHY524302 VRU524302 WBQ524302 WLM524302 WVI524302 A589838 IW589838 SS589838 ACO589838 AMK589838 AWG589838 BGC589838 BPY589838 BZU589838 CJQ589838 CTM589838 DDI589838 DNE589838 DXA589838 EGW589838 EQS589838 FAO589838 FKK589838 FUG589838 GEC589838 GNY589838 GXU589838 HHQ589838 HRM589838 IBI589838 ILE589838 IVA589838 JEW589838 JOS589838 JYO589838 KIK589838 KSG589838 LCC589838 LLY589838 LVU589838 MFQ589838 MPM589838 MZI589838 NJE589838 NTA589838 OCW589838 OMS589838 OWO589838 PGK589838 PQG589838 QAC589838 QJY589838 QTU589838 RDQ589838 RNM589838 RXI589838 SHE589838 SRA589838 TAW589838 TKS589838 TUO589838 UEK589838 UOG589838 UYC589838 VHY589838 VRU589838 WBQ589838 WLM589838 WVI589838 A655374 IW655374 SS655374 ACO655374 AMK655374 AWG655374 BGC655374 BPY655374 BZU655374 CJQ655374 CTM655374 DDI655374 DNE655374 DXA655374 EGW655374 EQS655374 FAO655374 FKK655374 FUG655374 GEC655374 GNY655374 GXU655374 HHQ655374 HRM655374 IBI655374 ILE655374 IVA655374 JEW655374 JOS655374 JYO655374 KIK655374 KSG655374 LCC655374 LLY655374 LVU655374 MFQ655374 MPM655374 MZI655374 NJE655374 NTA655374 OCW655374 OMS655374 OWO655374 PGK655374 PQG655374 QAC655374 QJY655374 QTU655374 RDQ655374 RNM655374 RXI655374 SHE655374 SRA655374 TAW655374 TKS655374 TUO655374 UEK655374 UOG655374 UYC655374 VHY655374 VRU655374 WBQ655374 WLM655374 WVI655374 A720910 IW720910 SS720910 ACO720910 AMK720910 AWG720910 BGC720910 BPY720910 BZU720910 CJQ720910 CTM720910 DDI720910 DNE720910 DXA720910 EGW720910 EQS720910 FAO720910 FKK720910 FUG720910 GEC720910 GNY720910 GXU720910 HHQ720910 HRM720910 IBI720910 ILE720910 IVA720910 JEW720910 JOS720910 JYO720910 KIK720910 KSG720910 LCC720910 LLY720910 LVU720910 MFQ720910 MPM720910 MZI720910 NJE720910 NTA720910 OCW720910 OMS720910 OWO720910 PGK720910 PQG720910 QAC720910 QJY720910 QTU720910 RDQ720910 RNM720910 RXI720910 SHE720910 SRA720910 TAW720910 TKS720910 TUO720910 UEK720910 UOG720910 UYC720910 VHY720910 VRU720910 WBQ720910 WLM720910 WVI720910 A786446 IW786446 SS786446 ACO786446 AMK786446 AWG786446 BGC786446 BPY786446 BZU786446 CJQ786446 CTM786446 DDI786446 DNE786446 DXA786446 EGW786446 EQS786446 FAO786446 FKK786446 FUG786446 GEC786446 GNY786446 GXU786446 HHQ786446 HRM786446 IBI786446 ILE786446 IVA786446 JEW786446 JOS786446 JYO786446 KIK786446 KSG786446 LCC786446 LLY786446 LVU786446 MFQ786446 MPM786446 MZI786446 NJE786446 NTA786446 OCW786446 OMS786446 OWO786446 PGK786446 PQG786446 QAC786446 QJY786446 QTU786446 RDQ786446 RNM786446 RXI786446 SHE786446 SRA786446 TAW786446 TKS786446 TUO786446 UEK786446 UOG786446 UYC786446 VHY786446 VRU786446 WBQ786446 WLM786446 WVI786446 A851982 IW851982 SS851982 ACO851982 AMK851982 AWG851982 BGC851982 BPY851982 BZU851982 CJQ851982 CTM851982 DDI851982 DNE851982 DXA851982 EGW851982 EQS851982 FAO851982 FKK851982 FUG851982 GEC851982 GNY851982 GXU851982 HHQ851982 HRM851982 IBI851982 ILE851982 IVA851982 JEW851982 JOS851982 JYO851982 KIK851982 KSG851982 LCC851982 LLY851982 LVU851982 MFQ851982 MPM851982 MZI851982 NJE851982 NTA851982 OCW851982 OMS851982 OWO851982 PGK851982 PQG851982 QAC851982 QJY851982 QTU851982 RDQ851982 RNM851982 RXI851982 SHE851982 SRA851982 TAW851982 TKS851982 TUO851982 UEK851982 UOG851982 UYC851982 VHY851982 VRU851982 WBQ851982 WLM851982 WVI851982 A917518 IW917518 SS917518 ACO917518 AMK917518 AWG917518 BGC917518 BPY917518 BZU917518 CJQ917518 CTM917518 DDI917518 DNE917518 DXA917518 EGW917518 EQS917518 FAO917518 FKK917518 FUG917518 GEC917518 GNY917518 GXU917518 HHQ917518 HRM917518 IBI917518 ILE917518 IVA917518 JEW917518 JOS917518 JYO917518 KIK917518 KSG917518 LCC917518 LLY917518 LVU917518 MFQ917518 MPM917518 MZI917518 NJE917518 NTA917518 OCW917518 OMS917518 OWO917518 PGK917518 PQG917518 QAC917518 QJY917518 QTU917518 RDQ917518 RNM917518 RXI917518 SHE917518 SRA917518 TAW917518 TKS917518 TUO917518 UEK917518 UOG917518 UYC917518 VHY917518 VRU917518 WBQ917518 WLM917518 WVI917518 A983054 IW983054 SS983054 ACO983054 AMK983054 AWG983054 BGC983054 BPY983054 BZU983054 CJQ983054 CTM983054 DDI983054 DNE983054 DXA983054 EGW983054 EQS983054 FAO983054 FKK983054 FUG983054 GEC983054 GNY983054 GXU983054 HHQ983054 HRM983054 IBI983054 ILE983054 IVA983054 JEW983054 JOS983054 JYO983054 KIK983054 KSG983054 LCC983054 LLY983054 LVU983054 MFQ983054 MPM983054 MZI983054 NJE983054 NTA983054 OCW983054 OMS983054 OWO983054 PGK983054 PQG983054 QAC983054 QJY983054 QTU983054 RDQ983054 RNM983054 RXI983054 SHE983054 SRA983054 TAW983054 TKS983054 TUO983054 UEK983054 UOG983054 UYC983054 VHY983054 VRU983054 WBQ983054 WLM983054 WVI983054 D14 IZ14 SV14 ACR14 AMN14 AWJ14 BGF14 BQB14 BZX14 CJT14 CTP14 DDL14 DNH14 DXD14 EGZ14 EQV14 FAR14 FKN14 FUJ14 GEF14 GOB14 GXX14 HHT14 HRP14 IBL14 ILH14 IVD14 JEZ14 JOV14 JYR14 KIN14 KSJ14 LCF14 LMB14 LVX14 MFT14 MPP14 MZL14 NJH14 NTD14 OCZ14 OMV14 OWR14 PGN14 PQJ14 QAF14 QKB14 QTX14 RDT14 RNP14 RXL14 SHH14 SRD14 TAZ14 TKV14 TUR14 UEN14 UOJ14 UYF14 VIB14 VRX14 WBT14 WLP14 WVL14 D65550 IZ65550 SV65550 ACR65550 AMN65550 AWJ65550 BGF65550 BQB65550 BZX65550 CJT65550 CTP65550 DDL65550 DNH65550 DXD65550 EGZ65550 EQV65550 FAR65550 FKN65550 FUJ65550 GEF65550 GOB65550 GXX65550 HHT65550 HRP65550 IBL65550 ILH65550 IVD65550 JEZ65550 JOV65550 JYR65550 KIN65550 KSJ65550 LCF65550 LMB65550 LVX65550 MFT65550 MPP65550 MZL65550 NJH65550 NTD65550 OCZ65550 OMV65550 OWR65550 PGN65550 PQJ65550 QAF65550 QKB65550 QTX65550 RDT65550 RNP65550 RXL65550 SHH65550 SRD65550 TAZ65550 TKV65550 TUR65550 UEN65550 UOJ65550 UYF65550 VIB65550 VRX65550 WBT65550 WLP65550 WVL65550 D131086 IZ131086 SV131086 ACR131086 AMN131086 AWJ131086 BGF131086 BQB131086 BZX131086 CJT131086 CTP131086 DDL131086 DNH131086 DXD131086 EGZ131086 EQV131086 FAR131086 FKN131086 FUJ131086 GEF131086 GOB131086 GXX131086 HHT131086 HRP131086 IBL131086 ILH131086 IVD131086 JEZ131086 JOV131086 JYR131086 KIN131086 KSJ131086 LCF131086 LMB131086 LVX131086 MFT131086 MPP131086 MZL131086 NJH131086 NTD131086 OCZ131086 OMV131086 OWR131086 PGN131086 PQJ131086 QAF131086 QKB131086 QTX131086 RDT131086 RNP131086 RXL131086 SHH131086 SRD131086 TAZ131086 TKV131086 TUR131086 UEN131086 UOJ131086 UYF131086 VIB131086 VRX131086 WBT131086 WLP131086 WVL131086 D196622 IZ196622 SV196622 ACR196622 AMN196622 AWJ196622 BGF196622 BQB196622 BZX196622 CJT196622 CTP196622 DDL196622 DNH196622 DXD196622 EGZ196622 EQV196622 FAR196622 FKN196622 FUJ196622 GEF196622 GOB196622 GXX196622 HHT196622 HRP196622 IBL196622 ILH196622 IVD196622 JEZ196622 JOV196622 JYR196622 KIN196622 KSJ196622 LCF196622 LMB196622 LVX196622 MFT196622 MPP196622 MZL196622 NJH196622 NTD196622 OCZ196622 OMV196622 OWR196622 PGN196622 PQJ196622 QAF196622 QKB196622 QTX196622 RDT196622 RNP196622 RXL196622 SHH196622 SRD196622 TAZ196622 TKV196622 TUR196622 UEN196622 UOJ196622 UYF196622 VIB196622 VRX196622 WBT196622 WLP196622 WVL196622 D262158 IZ262158 SV262158 ACR262158 AMN262158 AWJ262158 BGF262158 BQB262158 BZX262158 CJT262158 CTP262158 DDL262158 DNH262158 DXD262158 EGZ262158 EQV262158 FAR262158 FKN262158 FUJ262158 GEF262158 GOB262158 GXX262158 HHT262158 HRP262158 IBL262158 ILH262158 IVD262158 JEZ262158 JOV262158 JYR262158 KIN262158 KSJ262158 LCF262158 LMB262158 LVX262158 MFT262158 MPP262158 MZL262158 NJH262158 NTD262158 OCZ262158 OMV262158 OWR262158 PGN262158 PQJ262158 QAF262158 QKB262158 QTX262158 RDT262158 RNP262158 RXL262158 SHH262158 SRD262158 TAZ262158 TKV262158 TUR262158 UEN262158 UOJ262158 UYF262158 VIB262158 VRX262158 WBT262158 WLP262158 WVL262158 D327694 IZ327694 SV327694 ACR327694 AMN327694 AWJ327694 BGF327694 BQB327694 BZX327694 CJT327694 CTP327694 DDL327694 DNH327694 DXD327694 EGZ327694 EQV327694 FAR327694 FKN327694 FUJ327694 GEF327694 GOB327694 GXX327694 HHT327694 HRP327694 IBL327694 ILH327694 IVD327694 JEZ327694 JOV327694 JYR327694 KIN327694 KSJ327694 LCF327694 LMB327694 LVX327694 MFT327694 MPP327694 MZL327694 NJH327694 NTD327694 OCZ327694 OMV327694 OWR327694 PGN327694 PQJ327694 QAF327694 QKB327694 QTX327694 RDT327694 RNP327694 RXL327694 SHH327694 SRD327694 TAZ327694 TKV327694 TUR327694 UEN327694 UOJ327694 UYF327694 VIB327694 VRX327694 WBT327694 WLP327694 WVL327694 D393230 IZ393230 SV393230 ACR393230 AMN393230 AWJ393230 BGF393230 BQB393230 BZX393230 CJT393230 CTP393230 DDL393230 DNH393230 DXD393230 EGZ393230 EQV393230 FAR393230 FKN393230 FUJ393230 GEF393230 GOB393230 GXX393230 HHT393230 HRP393230 IBL393230 ILH393230 IVD393230 JEZ393230 JOV393230 JYR393230 KIN393230 KSJ393230 LCF393230 LMB393230 LVX393230 MFT393230 MPP393230 MZL393230 NJH393230 NTD393230 OCZ393230 OMV393230 OWR393230 PGN393230 PQJ393230 QAF393230 QKB393230 QTX393230 RDT393230 RNP393230 RXL393230 SHH393230 SRD393230 TAZ393230 TKV393230 TUR393230 UEN393230 UOJ393230 UYF393230 VIB393230 VRX393230 WBT393230 WLP393230 WVL393230 D458766 IZ458766 SV458766 ACR458766 AMN458766 AWJ458766 BGF458766 BQB458766 BZX458766 CJT458766 CTP458766 DDL458766 DNH458766 DXD458766 EGZ458766 EQV458766 FAR458766 FKN458766 FUJ458766 GEF458766 GOB458766 GXX458766 HHT458766 HRP458766 IBL458766 ILH458766 IVD458766 JEZ458766 JOV458766 JYR458766 KIN458766 KSJ458766 LCF458766 LMB458766 LVX458766 MFT458766 MPP458766 MZL458766 NJH458766 NTD458766 OCZ458766 OMV458766 OWR458766 PGN458766 PQJ458766 QAF458766 QKB458766 QTX458766 RDT458766 RNP458766 RXL458766 SHH458766 SRD458766 TAZ458766 TKV458766 TUR458766 UEN458766 UOJ458766 UYF458766 VIB458766 VRX458766 WBT458766 WLP458766 WVL458766 D524302 IZ524302 SV524302 ACR524302 AMN524302 AWJ524302 BGF524302 BQB524302 BZX524302 CJT524302 CTP524302 DDL524302 DNH524302 DXD524302 EGZ524302 EQV524302 FAR524302 FKN524302 FUJ524302 GEF524302 GOB524302 GXX524302 HHT524302 HRP524302 IBL524302 ILH524302 IVD524302 JEZ524302 JOV524302 JYR524302 KIN524302 KSJ524302 LCF524302 LMB524302 LVX524302 MFT524302 MPP524302 MZL524302 NJH524302 NTD524302 OCZ524302 OMV524302 OWR524302 PGN524302 PQJ524302 QAF524302 QKB524302 QTX524302 RDT524302 RNP524302 RXL524302 SHH524302 SRD524302 TAZ524302 TKV524302 TUR524302 UEN524302 UOJ524302 UYF524302 VIB524302 VRX524302 WBT524302 WLP524302 WVL524302 D589838 IZ589838 SV589838 ACR589838 AMN589838 AWJ589838 BGF589838 BQB589838 BZX589838 CJT589838 CTP589838 DDL589838 DNH589838 DXD589838 EGZ589838 EQV589838 FAR589838 FKN589838 FUJ589838 GEF589838 GOB589838 GXX589838 HHT589838 HRP589838 IBL589838 ILH589838 IVD589838 JEZ589838 JOV589838 JYR589838 KIN589838 KSJ589838 LCF589838 LMB589838 LVX589838 MFT589838 MPP589838 MZL589838 NJH589838 NTD589838 OCZ589838 OMV589838 OWR589838 PGN589838 PQJ589838 QAF589838 QKB589838 QTX589838 RDT589838 RNP589838 RXL589838 SHH589838 SRD589838 TAZ589838 TKV589838 TUR589838 UEN589838 UOJ589838 UYF589838 VIB589838 VRX589838 WBT589838 WLP589838 WVL589838 D655374 IZ655374 SV655374 ACR655374 AMN655374 AWJ655374 BGF655374 BQB655374 BZX655374 CJT655374 CTP655374 DDL655374 DNH655374 DXD655374 EGZ655374 EQV655374 FAR655374 FKN655374 FUJ655374 GEF655374 GOB655374 GXX655374 HHT655374 HRP655374 IBL655374 ILH655374 IVD655374 JEZ655374 JOV655374 JYR655374 KIN655374 KSJ655374 LCF655374 LMB655374 LVX655374 MFT655374 MPP655374 MZL655374 NJH655374 NTD655374 OCZ655374 OMV655374 OWR655374 PGN655374 PQJ655374 QAF655374 QKB655374 QTX655374 RDT655374 RNP655374 RXL655374 SHH655374 SRD655374 TAZ655374 TKV655374 TUR655374 UEN655374 UOJ655374 UYF655374 VIB655374 VRX655374 WBT655374 WLP655374 WVL655374 D720910 IZ720910 SV720910 ACR720910 AMN720910 AWJ720910 BGF720910 BQB720910 BZX720910 CJT720910 CTP720910 DDL720910 DNH720910 DXD720910 EGZ720910 EQV720910 FAR720910 FKN720910 FUJ720910 GEF720910 GOB720910 GXX720910 HHT720910 HRP720910 IBL720910 ILH720910 IVD720910 JEZ720910 JOV720910 JYR720910 KIN720910 KSJ720910 LCF720910 LMB720910 LVX720910 MFT720910 MPP720910 MZL720910 NJH720910 NTD720910 OCZ720910 OMV720910 OWR720910 PGN720910 PQJ720910 QAF720910 QKB720910 QTX720910 RDT720910 RNP720910 RXL720910 SHH720910 SRD720910 TAZ720910 TKV720910 TUR720910 UEN720910 UOJ720910 UYF720910 VIB720910 VRX720910 WBT720910 WLP720910 WVL720910 D786446 IZ786446 SV786446 ACR786446 AMN786446 AWJ786446 BGF786446 BQB786446 BZX786446 CJT786446 CTP786446 DDL786446 DNH786446 DXD786446 EGZ786446 EQV786446 FAR786446 FKN786446 FUJ786446 GEF786446 GOB786446 GXX786446 HHT786446 HRP786446 IBL786446 ILH786446 IVD786446 JEZ786446 JOV786446 JYR786446 KIN786446 KSJ786446 LCF786446 LMB786446 LVX786446 MFT786446 MPP786446 MZL786446 NJH786446 NTD786446 OCZ786446 OMV786446 OWR786446 PGN786446 PQJ786446 QAF786446 QKB786446 QTX786446 RDT786446 RNP786446 RXL786446 SHH786446 SRD786446 TAZ786446 TKV786446 TUR786446 UEN786446 UOJ786446 UYF786446 VIB786446 VRX786446 WBT786446 WLP786446 WVL786446 D851982 IZ851982 SV851982 ACR851982 AMN851982 AWJ851982 BGF851982 BQB851982 BZX851982 CJT851982 CTP851982 DDL851982 DNH851982 DXD851982 EGZ851982 EQV851982 FAR851982 FKN851982 FUJ851982 GEF851982 GOB851982 GXX851982 HHT851982 HRP851982 IBL851982 ILH851982 IVD851982 JEZ851982 JOV851982 JYR851982 KIN851982 KSJ851982 LCF851982 LMB851982 LVX851982 MFT851982 MPP851982 MZL851982 NJH851982 NTD851982 OCZ851982 OMV851982 OWR851982 PGN851982 PQJ851982 QAF851982 QKB851982 QTX851982 RDT851982 RNP851982 RXL851982 SHH851982 SRD851982 TAZ851982 TKV851982 TUR851982 UEN851982 UOJ851982 UYF851982 VIB851982 VRX851982 WBT851982 WLP851982 WVL851982 D917518 IZ917518 SV917518 ACR917518 AMN917518 AWJ917518 BGF917518 BQB917518 BZX917518 CJT917518 CTP917518 DDL917518 DNH917518 DXD917518 EGZ917518 EQV917518 FAR917518 FKN917518 FUJ917518 GEF917518 GOB917518 GXX917518 HHT917518 HRP917518 IBL917518 ILH917518 IVD917518 JEZ917518 JOV917518 JYR917518 KIN917518 KSJ917518 LCF917518 LMB917518 LVX917518 MFT917518 MPP917518 MZL917518 NJH917518 NTD917518 OCZ917518 OMV917518 OWR917518 PGN917518 PQJ917518 QAF917518 QKB917518 QTX917518 RDT917518 RNP917518 RXL917518 SHH917518 SRD917518 TAZ917518 TKV917518 TUR917518 UEN917518 UOJ917518 UYF917518 VIB917518 VRX917518 WBT917518 WLP917518 WVL917518 D983054 IZ983054 SV983054 ACR983054 AMN983054 AWJ983054 BGF983054 BQB983054 BZX983054 CJT983054 CTP983054 DDL983054 DNH983054 DXD983054 EGZ983054 EQV983054 FAR983054 FKN983054 FUJ983054 GEF983054 GOB983054 GXX983054 HHT983054 HRP983054 IBL983054 ILH983054 IVD983054 JEZ983054 JOV983054 JYR983054 KIN983054 KSJ983054 LCF983054 LMB983054 LVX983054 MFT983054 MPP983054 MZL983054 NJH983054 NTD983054 OCZ983054 OMV983054 OWR983054 PGN983054 PQJ983054 QAF983054 QKB983054 QTX983054 RDT983054 RNP983054 RXL983054 SHH983054 SRD983054 TAZ983054 TKV983054 TUR983054 UEN983054 UOJ983054 UYF983054 VIB983054 VRX983054 WBT983054 WLP983054 WVL98305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288FA7-2810-4B1C-ADF2-54E0F2B697CB}">
  <sheetPr>
    <pageSetUpPr fitToPage="1"/>
  </sheetPr>
  <dimension ref="A1:S62"/>
  <sheetViews>
    <sheetView view="pageBreakPreview" topLeftCell="A14" zoomScale="70" zoomScaleNormal="100" zoomScaleSheetLayoutView="70" workbookViewId="0">
      <selection activeCell="C16" sqref="C16"/>
    </sheetView>
  </sheetViews>
  <sheetFormatPr defaultColWidth="9" defaultRowHeight="20.25" customHeight="1"/>
  <cols>
    <col min="1" max="1" width="2.36328125" style="144" customWidth="1"/>
    <col min="2" max="2" width="25" style="133" bestFit="1" customWidth="1"/>
    <col min="3" max="3" width="41.7265625" style="133" customWidth="1"/>
    <col min="4" max="4" width="15.26953125" style="133" customWidth="1"/>
    <col min="5" max="5" width="44.26953125" style="133" customWidth="1"/>
    <col min="6" max="6" width="42" style="133" customWidth="1"/>
    <col min="7" max="7" width="22.54296875" style="133" customWidth="1"/>
    <col min="8" max="11" width="5.36328125" style="133" customWidth="1"/>
    <col min="12" max="14" width="6.54296875" style="133" customWidth="1"/>
    <col min="15" max="17" width="5.36328125" style="133" customWidth="1"/>
    <col min="18" max="256" width="9" style="133"/>
    <col min="257" max="257" width="2.36328125" style="133" customWidth="1"/>
    <col min="258" max="258" width="25" style="133" bestFit="1" customWidth="1"/>
    <col min="259" max="259" width="41.7265625" style="133" customWidth="1"/>
    <col min="260" max="260" width="15.26953125" style="133" customWidth="1"/>
    <col min="261" max="261" width="44.26953125" style="133" customWidth="1"/>
    <col min="262" max="262" width="42" style="133" customWidth="1"/>
    <col min="263" max="263" width="22.54296875" style="133" customWidth="1"/>
    <col min="264" max="267" width="5.36328125" style="133" customWidth="1"/>
    <col min="268" max="270" width="6.54296875" style="133" customWidth="1"/>
    <col min="271" max="273" width="5.36328125" style="133" customWidth="1"/>
    <col min="274" max="512" width="9" style="133"/>
    <col min="513" max="513" width="2.36328125" style="133" customWidth="1"/>
    <col min="514" max="514" width="25" style="133" bestFit="1" customWidth="1"/>
    <col min="515" max="515" width="41.7265625" style="133" customWidth="1"/>
    <col min="516" max="516" width="15.26953125" style="133" customWidth="1"/>
    <col min="517" max="517" width="44.26953125" style="133" customWidth="1"/>
    <col min="518" max="518" width="42" style="133" customWidth="1"/>
    <col min="519" max="519" width="22.54296875" style="133" customWidth="1"/>
    <col min="520" max="523" width="5.36328125" style="133" customWidth="1"/>
    <col min="524" max="526" width="6.54296875" style="133" customWidth="1"/>
    <col min="527" max="529" width="5.36328125" style="133" customWidth="1"/>
    <col min="530" max="768" width="9" style="133"/>
    <col min="769" max="769" width="2.36328125" style="133" customWidth="1"/>
    <col min="770" max="770" width="25" style="133" bestFit="1" customWidth="1"/>
    <col min="771" max="771" width="41.7265625" style="133" customWidth="1"/>
    <col min="772" max="772" width="15.26953125" style="133" customWidth="1"/>
    <col min="773" max="773" width="44.26953125" style="133" customWidth="1"/>
    <col min="774" max="774" width="42" style="133" customWidth="1"/>
    <col min="775" max="775" width="22.54296875" style="133" customWidth="1"/>
    <col min="776" max="779" width="5.36328125" style="133" customWidth="1"/>
    <col min="780" max="782" width="6.54296875" style="133" customWidth="1"/>
    <col min="783" max="785" width="5.36328125" style="133" customWidth="1"/>
    <col min="786" max="1024" width="9" style="133"/>
    <col min="1025" max="1025" width="2.36328125" style="133" customWidth="1"/>
    <col min="1026" max="1026" width="25" style="133" bestFit="1" customWidth="1"/>
    <col min="1027" max="1027" width="41.7265625" style="133" customWidth="1"/>
    <col min="1028" max="1028" width="15.26953125" style="133" customWidth="1"/>
    <col min="1029" max="1029" width="44.26953125" style="133" customWidth="1"/>
    <col min="1030" max="1030" width="42" style="133" customWidth="1"/>
    <col min="1031" max="1031" width="22.54296875" style="133" customWidth="1"/>
    <col min="1032" max="1035" width="5.36328125" style="133" customWidth="1"/>
    <col min="1036" max="1038" width="6.54296875" style="133" customWidth="1"/>
    <col min="1039" max="1041" width="5.36328125" style="133" customWidth="1"/>
    <col min="1042" max="1280" width="9" style="133"/>
    <col min="1281" max="1281" width="2.36328125" style="133" customWidth="1"/>
    <col min="1282" max="1282" width="25" style="133" bestFit="1" customWidth="1"/>
    <col min="1283" max="1283" width="41.7265625" style="133" customWidth="1"/>
    <col min="1284" max="1284" width="15.26953125" style="133" customWidth="1"/>
    <col min="1285" max="1285" width="44.26953125" style="133" customWidth="1"/>
    <col min="1286" max="1286" width="42" style="133" customWidth="1"/>
    <col min="1287" max="1287" width="22.54296875" style="133" customWidth="1"/>
    <col min="1288" max="1291" width="5.36328125" style="133" customWidth="1"/>
    <col min="1292" max="1294" width="6.54296875" style="133" customWidth="1"/>
    <col min="1295" max="1297" width="5.36328125" style="133" customWidth="1"/>
    <col min="1298" max="1536" width="9" style="133"/>
    <col min="1537" max="1537" width="2.36328125" style="133" customWidth="1"/>
    <col min="1538" max="1538" width="25" style="133" bestFit="1" customWidth="1"/>
    <col min="1539" max="1539" width="41.7265625" style="133" customWidth="1"/>
    <col min="1540" max="1540" width="15.26953125" style="133" customWidth="1"/>
    <col min="1541" max="1541" width="44.26953125" style="133" customWidth="1"/>
    <col min="1542" max="1542" width="42" style="133" customWidth="1"/>
    <col min="1543" max="1543" width="22.54296875" style="133" customWidth="1"/>
    <col min="1544" max="1547" width="5.36328125" style="133" customWidth="1"/>
    <col min="1548" max="1550" width="6.54296875" style="133" customWidth="1"/>
    <col min="1551" max="1553" width="5.36328125" style="133" customWidth="1"/>
    <col min="1554" max="1792" width="9" style="133"/>
    <col min="1793" max="1793" width="2.36328125" style="133" customWidth="1"/>
    <col min="1794" max="1794" width="25" style="133" bestFit="1" customWidth="1"/>
    <col min="1795" max="1795" width="41.7265625" style="133" customWidth="1"/>
    <col min="1796" max="1796" width="15.26953125" style="133" customWidth="1"/>
    <col min="1797" max="1797" width="44.26953125" style="133" customWidth="1"/>
    <col min="1798" max="1798" width="42" style="133" customWidth="1"/>
    <col min="1799" max="1799" width="22.54296875" style="133" customWidth="1"/>
    <col min="1800" max="1803" width="5.36328125" style="133" customWidth="1"/>
    <col min="1804" max="1806" width="6.54296875" style="133" customWidth="1"/>
    <col min="1807" max="1809" width="5.36328125" style="133" customWidth="1"/>
    <col min="1810" max="2048" width="9" style="133"/>
    <col min="2049" max="2049" width="2.36328125" style="133" customWidth="1"/>
    <col min="2050" max="2050" width="25" style="133" bestFit="1" customWidth="1"/>
    <col min="2051" max="2051" width="41.7265625" style="133" customWidth="1"/>
    <col min="2052" max="2052" width="15.26953125" style="133" customWidth="1"/>
    <col min="2053" max="2053" width="44.26953125" style="133" customWidth="1"/>
    <col min="2054" max="2054" width="42" style="133" customWidth="1"/>
    <col min="2055" max="2055" width="22.54296875" style="133" customWidth="1"/>
    <col min="2056" max="2059" width="5.36328125" style="133" customWidth="1"/>
    <col min="2060" max="2062" width="6.54296875" style="133" customWidth="1"/>
    <col min="2063" max="2065" width="5.36328125" style="133" customWidth="1"/>
    <col min="2066" max="2304" width="9" style="133"/>
    <col min="2305" max="2305" width="2.36328125" style="133" customWidth="1"/>
    <col min="2306" max="2306" width="25" style="133" bestFit="1" customWidth="1"/>
    <col min="2307" max="2307" width="41.7265625" style="133" customWidth="1"/>
    <col min="2308" max="2308" width="15.26953125" style="133" customWidth="1"/>
    <col min="2309" max="2309" width="44.26953125" style="133" customWidth="1"/>
    <col min="2310" max="2310" width="42" style="133" customWidth="1"/>
    <col min="2311" max="2311" width="22.54296875" style="133" customWidth="1"/>
    <col min="2312" max="2315" width="5.36328125" style="133" customWidth="1"/>
    <col min="2316" max="2318" width="6.54296875" style="133" customWidth="1"/>
    <col min="2319" max="2321" width="5.36328125" style="133" customWidth="1"/>
    <col min="2322" max="2560" width="9" style="133"/>
    <col min="2561" max="2561" width="2.36328125" style="133" customWidth="1"/>
    <col min="2562" max="2562" width="25" style="133" bestFit="1" customWidth="1"/>
    <col min="2563" max="2563" width="41.7265625" style="133" customWidth="1"/>
    <col min="2564" max="2564" width="15.26953125" style="133" customWidth="1"/>
    <col min="2565" max="2565" width="44.26953125" style="133" customWidth="1"/>
    <col min="2566" max="2566" width="42" style="133" customWidth="1"/>
    <col min="2567" max="2567" width="22.54296875" style="133" customWidth="1"/>
    <col min="2568" max="2571" width="5.36328125" style="133" customWidth="1"/>
    <col min="2572" max="2574" width="6.54296875" style="133" customWidth="1"/>
    <col min="2575" max="2577" width="5.36328125" style="133" customWidth="1"/>
    <col min="2578" max="2816" width="9" style="133"/>
    <col min="2817" max="2817" width="2.36328125" style="133" customWidth="1"/>
    <col min="2818" max="2818" width="25" style="133" bestFit="1" customWidth="1"/>
    <col min="2819" max="2819" width="41.7265625" style="133" customWidth="1"/>
    <col min="2820" max="2820" width="15.26953125" style="133" customWidth="1"/>
    <col min="2821" max="2821" width="44.26953125" style="133" customWidth="1"/>
    <col min="2822" max="2822" width="42" style="133" customWidth="1"/>
    <col min="2823" max="2823" width="22.54296875" style="133" customWidth="1"/>
    <col min="2824" max="2827" width="5.36328125" style="133" customWidth="1"/>
    <col min="2828" max="2830" width="6.54296875" style="133" customWidth="1"/>
    <col min="2831" max="2833" width="5.36328125" style="133" customWidth="1"/>
    <col min="2834" max="3072" width="9" style="133"/>
    <col min="3073" max="3073" width="2.36328125" style="133" customWidth="1"/>
    <col min="3074" max="3074" width="25" style="133" bestFit="1" customWidth="1"/>
    <col min="3075" max="3075" width="41.7265625" style="133" customWidth="1"/>
    <col min="3076" max="3076" width="15.26953125" style="133" customWidth="1"/>
    <col min="3077" max="3077" width="44.26953125" style="133" customWidth="1"/>
    <col min="3078" max="3078" width="42" style="133" customWidth="1"/>
    <col min="3079" max="3079" width="22.54296875" style="133" customWidth="1"/>
    <col min="3080" max="3083" width="5.36328125" style="133" customWidth="1"/>
    <col min="3084" max="3086" width="6.54296875" style="133" customWidth="1"/>
    <col min="3087" max="3089" width="5.36328125" style="133" customWidth="1"/>
    <col min="3090" max="3328" width="9" style="133"/>
    <col min="3329" max="3329" width="2.36328125" style="133" customWidth="1"/>
    <col min="3330" max="3330" width="25" style="133" bestFit="1" customWidth="1"/>
    <col min="3331" max="3331" width="41.7265625" style="133" customWidth="1"/>
    <col min="3332" max="3332" width="15.26953125" style="133" customWidth="1"/>
    <col min="3333" max="3333" width="44.26953125" style="133" customWidth="1"/>
    <col min="3334" max="3334" width="42" style="133" customWidth="1"/>
    <col min="3335" max="3335" width="22.54296875" style="133" customWidth="1"/>
    <col min="3336" max="3339" width="5.36328125" style="133" customWidth="1"/>
    <col min="3340" max="3342" width="6.54296875" style="133" customWidth="1"/>
    <col min="3343" max="3345" width="5.36328125" style="133" customWidth="1"/>
    <col min="3346" max="3584" width="9" style="133"/>
    <col min="3585" max="3585" width="2.36328125" style="133" customWidth="1"/>
    <col min="3586" max="3586" width="25" style="133" bestFit="1" customWidth="1"/>
    <col min="3587" max="3587" width="41.7265625" style="133" customWidth="1"/>
    <col min="3588" max="3588" width="15.26953125" style="133" customWidth="1"/>
    <col min="3589" max="3589" width="44.26953125" style="133" customWidth="1"/>
    <col min="3590" max="3590" width="42" style="133" customWidth="1"/>
    <col min="3591" max="3591" width="22.54296875" style="133" customWidth="1"/>
    <col min="3592" max="3595" width="5.36328125" style="133" customWidth="1"/>
    <col min="3596" max="3598" width="6.54296875" style="133" customWidth="1"/>
    <col min="3599" max="3601" width="5.36328125" style="133" customWidth="1"/>
    <col min="3602" max="3840" width="9" style="133"/>
    <col min="3841" max="3841" width="2.36328125" style="133" customWidth="1"/>
    <col min="3842" max="3842" width="25" style="133" bestFit="1" customWidth="1"/>
    <col min="3843" max="3843" width="41.7265625" style="133" customWidth="1"/>
    <col min="3844" max="3844" width="15.26953125" style="133" customWidth="1"/>
    <col min="3845" max="3845" width="44.26953125" style="133" customWidth="1"/>
    <col min="3846" max="3846" width="42" style="133" customWidth="1"/>
    <col min="3847" max="3847" width="22.54296875" style="133" customWidth="1"/>
    <col min="3848" max="3851" width="5.36328125" style="133" customWidth="1"/>
    <col min="3852" max="3854" width="6.54296875" style="133" customWidth="1"/>
    <col min="3855" max="3857" width="5.36328125" style="133" customWidth="1"/>
    <col min="3858" max="4096" width="9" style="133"/>
    <col min="4097" max="4097" width="2.36328125" style="133" customWidth="1"/>
    <col min="4098" max="4098" width="25" style="133" bestFit="1" customWidth="1"/>
    <col min="4099" max="4099" width="41.7265625" style="133" customWidth="1"/>
    <col min="4100" max="4100" width="15.26953125" style="133" customWidth="1"/>
    <col min="4101" max="4101" width="44.26953125" style="133" customWidth="1"/>
    <col min="4102" max="4102" width="42" style="133" customWidth="1"/>
    <col min="4103" max="4103" width="22.54296875" style="133" customWidth="1"/>
    <col min="4104" max="4107" width="5.36328125" style="133" customWidth="1"/>
    <col min="4108" max="4110" width="6.54296875" style="133" customWidth="1"/>
    <col min="4111" max="4113" width="5.36328125" style="133" customWidth="1"/>
    <col min="4114" max="4352" width="9" style="133"/>
    <col min="4353" max="4353" width="2.36328125" style="133" customWidth="1"/>
    <col min="4354" max="4354" width="25" style="133" bestFit="1" customWidth="1"/>
    <col min="4355" max="4355" width="41.7265625" style="133" customWidth="1"/>
    <col min="4356" max="4356" width="15.26953125" style="133" customWidth="1"/>
    <col min="4357" max="4357" width="44.26953125" style="133" customWidth="1"/>
    <col min="4358" max="4358" width="42" style="133" customWidth="1"/>
    <col min="4359" max="4359" width="22.54296875" style="133" customWidth="1"/>
    <col min="4360" max="4363" width="5.36328125" style="133" customWidth="1"/>
    <col min="4364" max="4366" width="6.54296875" style="133" customWidth="1"/>
    <col min="4367" max="4369" width="5.36328125" style="133" customWidth="1"/>
    <col min="4370" max="4608" width="9" style="133"/>
    <col min="4609" max="4609" width="2.36328125" style="133" customWidth="1"/>
    <col min="4610" max="4610" width="25" style="133" bestFit="1" customWidth="1"/>
    <col min="4611" max="4611" width="41.7265625" style="133" customWidth="1"/>
    <col min="4612" max="4612" width="15.26953125" style="133" customWidth="1"/>
    <col min="4613" max="4613" width="44.26953125" style="133" customWidth="1"/>
    <col min="4614" max="4614" width="42" style="133" customWidth="1"/>
    <col min="4615" max="4615" width="22.54296875" style="133" customWidth="1"/>
    <col min="4616" max="4619" width="5.36328125" style="133" customWidth="1"/>
    <col min="4620" max="4622" width="6.54296875" style="133" customWidth="1"/>
    <col min="4623" max="4625" width="5.36328125" style="133" customWidth="1"/>
    <col min="4626" max="4864" width="9" style="133"/>
    <col min="4865" max="4865" width="2.36328125" style="133" customWidth="1"/>
    <col min="4866" max="4866" width="25" style="133" bestFit="1" customWidth="1"/>
    <col min="4867" max="4867" width="41.7265625" style="133" customWidth="1"/>
    <col min="4868" max="4868" width="15.26953125" style="133" customWidth="1"/>
    <col min="4869" max="4869" width="44.26953125" style="133" customWidth="1"/>
    <col min="4870" max="4870" width="42" style="133" customWidth="1"/>
    <col min="4871" max="4871" width="22.54296875" style="133" customWidth="1"/>
    <col min="4872" max="4875" width="5.36328125" style="133" customWidth="1"/>
    <col min="4876" max="4878" width="6.54296875" style="133" customWidth="1"/>
    <col min="4879" max="4881" width="5.36328125" style="133" customWidth="1"/>
    <col min="4882" max="5120" width="9" style="133"/>
    <col min="5121" max="5121" width="2.36328125" style="133" customWidth="1"/>
    <col min="5122" max="5122" width="25" style="133" bestFit="1" customWidth="1"/>
    <col min="5123" max="5123" width="41.7265625" style="133" customWidth="1"/>
    <col min="5124" max="5124" width="15.26953125" style="133" customWidth="1"/>
    <col min="5125" max="5125" width="44.26953125" style="133" customWidth="1"/>
    <col min="5126" max="5126" width="42" style="133" customWidth="1"/>
    <col min="5127" max="5127" width="22.54296875" style="133" customWidth="1"/>
    <col min="5128" max="5131" width="5.36328125" style="133" customWidth="1"/>
    <col min="5132" max="5134" width="6.54296875" style="133" customWidth="1"/>
    <col min="5135" max="5137" width="5.36328125" style="133" customWidth="1"/>
    <col min="5138" max="5376" width="9" style="133"/>
    <col min="5377" max="5377" width="2.36328125" style="133" customWidth="1"/>
    <col min="5378" max="5378" width="25" style="133" bestFit="1" customWidth="1"/>
    <col min="5379" max="5379" width="41.7265625" style="133" customWidth="1"/>
    <col min="5380" max="5380" width="15.26953125" style="133" customWidth="1"/>
    <col min="5381" max="5381" width="44.26953125" style="133" customWidth="1"/>
    <col min="5382" max="5382" width="42" style="133" customWidth="1"/>
    <col min="5383" max="5383" width="22.54296875" style="133" customWidth="1"/>
    <col min="5384" max="5387" width="5.36328125" style="133" customWidth="1"/>
    <col min="5388" max="5390" width="6.54296875" style="133" customWidth="1"/>
    <col min="5391" max="5393" width="5.36328125" style="133" customWidth="1"/>
    <col min="5394" max="5632" width="9" style="133"/>
    <col min="5633" max="5633" width="2.36328125" style="133" customWidth="1"/>
    <col min="5634" max="5634" width="25" style="133" bestFit="1" customWidth="1"/>
    <col min="5635" max="5635" width="41.7265625" style="133" customWidth="1"/>
    <col min="5636" max="5636" width="15.26953125" style="133" customWidth="1"/>
    <col min="5637" max="5637" width="44.26953125" style="133" customWidth="1"/>
    <col min="5638" max="5638" width="42" style="133" customWidth="1"/>
    <col min="5639" max="5639" width="22.54296875" style="133" customWidth="1"/>
    <col min="5640" max="5643" width="5.36328125" style="133" customWidth="1"/>
    <col min="5644" max="5646" width="6.54296875" style="133" customWidth="1"/>
    <col min="5647" max="5649" width="5.36328125" style="133" customWidth="1"/>
    <col min="5650" max="5888" width="9" style="133"/>
    <col min="5889" max="5889" width="2.36328125" style="133" customWidth="1"/>
    <col min="5890" max="5890" width="25" style="133" bestFit="1" customWidth="1"/>
    <col min="5891" max="5891" width="41.7265625" style="133" customWidth="1"/>
    <col min="5892" max="5892" width="15.26953125" style="133" customWidth="1"/>
    <col min="5893" max="5893" width="44.26953125" style="133" customWidth="1"/>
    <col min="5894" max="5894" width="42" style="133" customWidth="1"/>
    <col min="5895" max="5895" width="22.54296875" style="133" customWidth="1"/>
    <col min="5896" max="5899" width="5.36328125" style="133" customWidth="1"/>
    <col min="5900" max="5902" width="6.54296875" style="133" customWidth="1"/>
    <col min="5903" max="5905" width="5.36328125" style="133" customWidth="1"/>
    <col min="5906" max="6144" width="9" style="133"/>
    <col min="6145" max="6145" width="2.36328125" style="133" customWidth="1"/>
    <col min="6146" max="6146" width="25" style="133" bestFit="1" customWidth="1"/>
    <col min="6147" max="6147" width="41.7265625" style="133" customWidth="1"/>
    <col min="6148" max="6148" width="15.26953125" style="133" customWidth="1"/>
    <col min="6149" max="6149" width="44.26953125" style="133" customWidth="1"/>
    <col min="6150" max="6150" width="42" style="133" customWidth="1"/>
    <col min="6151" max="6151" width="22.54296875" style="133" customWidth="1"/>
    <col min="6152" max="6155" width="5.36328125" style="133" customWidth="1"/>
    <col min="6156" max="6158" width="6.54296875" style="133" customWidth="1"/>
    <col min="6159" max="6161" width="5.36328125" style="133" customWidth="1"/>
    <col min="6162" max="6400" width="9" style="133"/>
    <col min="6401" max="6401" width="2.36328125" style="133" customWidth="1"/>
    <col min="6402" max="6402" width="25" style="133" bestFit="1" customWidth="1"/>
    <col min="6403" max="6403" width="41.7265625" style="133" customWidth="1"/>
    <col min="6404" max="6404" width="15.26953125" style="133" customWidth="1"/>
    <col min="6405" max="6405" width="44.26953125" style="133" customWidth="1"/>
    <col min="6406" max="6406" width="42" style="133" customWidth="1"/>
    <col min="6407" max="6407" width="22.54296875" style="133" customWidth="1"/>
    <col min="6408" max="6411" width="5.36328125" style="133" customWidth="1"/>
    <col min="6412" max="6414" width="6.54296875" style="133" customWidth="1"/>
    <col min="6415" max="6417" width="5.36328125" style="133" customWidth="1"/>
    <col min="6418" max="6656" width="9" style="133"/>
    <col min="6657" max="6657" width="2.36328125" style="133" customWidth="1"/>
    <col min="6658" max="6658" width="25" style="133" bestFit="1" customWidth="1"/>
    <col min="6659" max="6659" width="41.7265625" style="133" customWidth="1"/>
    <col min="6660" max="6660" width="15.26953125" style="133" customWidth="1"/>
    <col min="6661" max="6661" width="44.26953125" style="133" customWidth="1"/>
    <col min="6662" max="6662" width="42" style="133" customWidth="1"/>
    <col min="6663" max="6663" width="22.54296875" style="133" customWidth="1"/>
    <col min="6664" max="6667" width="5.36328125" style="133" customWidth="1"/>
    <col min="6668" max="6670" width="6.54296875" style="133" customWidth="1"/>
    <col min="6671" max="6673" width="5.36328125" style="133" customWidth="1"/>
    <col min="6674" max="6912" width="9" style="133"/>
    <col min="6913" max="6913" width="2.36328125" style="133" customWidth="1"/>
    <col min="6914" max="6914" width="25" style="133" bestFit="1" customWidth="1"/>
    <col min="6915" max="6915" width="41.7265625" style="133" customWidth="1"/>
    <col min="6916" max="6916" width="15.26953125" style="133" customWidth="1"/>
    <col min="6917" max="6917" width="44.26953125" style="133" customWidth="1"/>
    <col min="6918" max="6918" width="42" style="133" customWidth="1"/>
    <col min="6919" max="6919" width="22.54296875" style="133" customWidth="1"/>
    <col min="6920" max="6923" width="5.36328125" style="133" customWidth="1"/>
    <col min="6924" max="6926" width="6.54296875" style="133" customWidth="1"/>
    <col min="6927" max="6929" width="5.36328125" style="133" customWidth="1"/>
    <col min="6930" max="7168" width="9" style="133"/>
    <col min="7169" max="7169" width="2.36328125" style="133" customWidth="1"/>
    <col min="7170" max="7170" width="25" style="133" bestFit="1" customWidth="1"/>
    <col min="7171" max="7171" width="41.7265625" style="133" customWidth="1"/>
    <col min="7172" max="7172" width="15.26953125" style="133" customWidth="1"/>
    <col min="7173" max="7173" width="44.26953125" style="133" customWidth="1"/>
    <col min="7174" max="7174" width="42" style="133" customWidth="1"/>
    <col min="7175" max="7175" width="22.54296875" style="133" customWidth="1"/>
    <col min="7176" max="7179" width="5.36328125" style="133" customWidth="1"/>
    <col min="7180" max="7182" width="6.54296875" style="133" customWidth="1"/>
    <col min="7183" max="7185" width="5.36328125" style="133" customWidth="1"/>
    <col min="7186" max="7424" width="9" style="133"/>
    <col min="7425" max="7425" width="2.36328125" style="133" customWidth="1"/>
    <col min="7426" max="7426" width="25" style="133" bestFit="1" customWidth="1"/>
    <col min="7427" max="7427" width="41.7265625" style="133" customWidth="1"/>
    <col min="7428" max="7428" width="15.26953125" style="133" customWidth="1"/>
    <col min="7429" max="7429" width="44.26953125" style="133" customWidth="1"/>
    <col min="7430" max="7430" width="42" style="133" customWidth="1"/>
    <col min="7431" max="7431" width="22.54296875" style="133" customWidth="1"/>
    <col min="7432" max="7435" width="5.36328125" style="133" customWidth="1"/>
    <col min="7436" max="7438" width="6.54296875" style="133" customWidth="1"/>
    <col min="7439" max="7441" width="5.36328125" style="133" customWidth="1"/>
    <col min="7442" max="7680" width="9" style="133"/>
    <col min="7681" max="7681" width="2.36328125" style="133" customWidth="1"/>
    <col min="7682" max="7682" width="25" style="133" bestFit="1" customWidth="1"/>
    <col min="7683" max="7683" width="41.7265625" style="133" customWidth="1"/>
    <col min="7684" max="7684" width="15.26953125" style="133" customWidth="1"/>
    <col min="7685" max="7685" width="44.26953125" style="133" customWidth="1"/>
    <col min="7686" max="7686" width="42" style="133" customWidth="1"/>
    <col min="7687" max="7687" width="22.54296875" style="133" customWidth="1"/>
    <col min="7688" max="7691" width="5.36328125" style="133" customWidth="1"/>
    <col min="7692" max="7694" width="6.54296875" style="133" customWidth="1"/>
    <col min="7695" max="7697" width="5.36328125" style="133" customWidth="1"/>
    <col min="7698" max="7936" width="9" style="133"/>
    <col min="7937" max="7937" width="2.36328125" style="133" customWidth="1"/>
    <col min="7938" max="7938" width="25" style="133" bestFit="1" customWidth="1"/>
    <col min="7939" max="7939" width="41.7265625" style="133" customWidth="1"/>
    <col min="7940" max="7940" width="15.26953125" style="133" customWidth="1"/>
    <col min="7941" max="7941" width="44.26953125" style="133" customWidth="1"/>
    <col min="7942" max="7942" width="42" style="133" customWidth="1"/>
    <col min="7943" max="7943" width="22.54296875" style="133" customWidth="1"/>
    <col min="7944" max="7947" width="5.36328125" style="133" customWidth="1"/>
    <col min="7948" max="7950" width="6.54296875" style="133" customWidth="1"/>
    <col min="7951" max="7953" width="5.36328125" style="133" customWidth="1"/>
    <col min="7954" max="8192" width="9" style="133"/>
    <col min="8193" max="8193" width="2.36328125" style="133" customWidth="1"/>
    <col min="8194" max="8194" width="25" style="133" bestFit="1" customWidth="1"/>
    <col min="8195" max="8195" width="41.7265625" style="133" customWidth="1"/>
    <col min="8196" max="8196" width="15.26953125" style="133" customWidth="1"/>
    <col min="8197" max="8197" width="44.26953125" style="133" customWidth="1"/>
    <col min="8198" max="8198" width="42" style="133" customWidth="1"/>
    <col min="8199" max="8199" width="22.54296875" style="133" customWidth="1"/>
    <col min="8200" max="8203" width="5.36328125" style="133" customWidth="1"/>
    <col min="8204" max="8206" width="6.54296875" style="133" customWidth="1"/>
    <col min="8207" max="8209" width="5.36328125" style="133" customWidth="1"/>
    <col min="8210" max="8448" width="9" style="133"/>
    <col min="8449" max="8449" width="2.36328125" style="133" customWidth="1"/>
    <col min="8450" max="8450" width="25" style="133" bestFit="1" customWidth="1"/>
    <col min="8451" max="8451" width="41.7265625" style="133" customWidth="1"/>
    <col min="8452" max="8452" width="15.26953125" style="133" customWidth="1"/>
    <col min="8453" max="8453" width="44.26953125" style="133" customWidth="1"/>
    <col min="8454" max="8454" width="42" style="133" customWidth="1"/>
    <col min="8455" max="8455" width="22.54296875" style="133" customWidth="1"/>
    <col min="8456" max="8459" width="5.36328125" style="133" customWidth="1"/>
    <col min="8460" max="8462" width="6.54296875" style="133" customWidth="1"/>
    <col min="8463" max="8465" width="5.36328125" style="133" customWidth="1"/>
    <col min="8466" max="8704" width="9" style="133"/>
    <col min="8705" max="8705" width="2.36328125" style="133" customWidth="1"/>
    <col min="8706" max="8706" width="25" style="133" bestFit="1" customWidth="1"/>
    <col min="8707" max="8707" width="41.7265625" style="133" customWidth="1"/>
    <col min="8708" max="8708" width="15.26953125" style="133" customWidth="1"/>
    <col min="8709" max="8709" width="44.26953125" style="133" customWidth="1"/>
    <col min="8710" max="8710" width="42" style="133" customWidth="1"/>
    <col min="8711" max="8711" width="22.54296875" style="133" customWidth="1"/>
    <col min="8712" max="8715" width="5.36328125" style="133" customWidth="1"/>
    <col min="8716" max="8718" width="6.54296875" style="133" customWidth="1"/>
    <col min="8719" max="8721" width="5.36328125" style="133" customWidth="1"/>
    <col min="8722" max="8960" width="9" style="133"/>
    <col min="8961" max="8961" width="2.36328125" style="133" customWidth="1"/>
    <col min="8962" max="8962" width="25" style="133" bestFit="1" customWidth="1"/>
    <col min="8963" max="8963" width="41.7265625" style="133" customWidth="1"/>
    <col min="8964" max="8964" width="15.26953125" style="133" customWidth="1"/>
    <col min="8965" max="8965" width="44.26953125" style="133" customWidth="1"/>
    <col min="8966" max="8966" width="42" style="133" customWidth="1"/>
    <col min="8967" max="8967" width="22.54296875" style="133" customWidth="1"/>
    <col min="8968" max="8971" width="5.36328125" style="133" customWidth="1"/>
    <col min="8972" max="8974" width="6.54296875" style="133" customWidth="1"/>
    <col min="8975" max="8977" width="5.36328125" style="133" customWidth="1"/>
    <col min="8978" max="9216" width="9" style="133"/>
    <col min="9217" max="9217" width="2.36328125" style="133" customWidth="1"/>
    <col min="9218" max="9218" width="25" style="133" bestFit="1" customWidth="1"/>
    <col min="9219" max="9219" width="41.7265625" style="133" customWidth="1"/>
    <col min="9220" max="9220" width="15.26953125" style="133" customWidth="1"/>
    <col min="9221" max="9221" width="44.26953125" style="133" customWidth="1"/>
    <col min="9222" max="9222" width="42" style="133" customWidth="1"/>
    <col min="9223" max="9223" width="22.54296875" style="133" customWidth="1"/>
    <col min="9224" max="9227" width="5.36328125" style="133" customWidth="1"/>
    <col min="9228" max="9230" width="6.54296875" style="133" customWidth="1"/>
    <col min="9231" max="9233" width="5.36328125" style="133" customWidth="1"/>
    <col min="9234" max="9472" width="9" style="133"/>
    <col min="9473" max="9473" width="2.36328125" style="133" customWidth="1"/>
    <col min="9474" max="9474" width="25" style="133" bestFit="1" customWidth="1"/>
    <col min="9475" max="9475" width="41.7265625" style="133" customWidth="1"/>
    <col min="9476" max="9476" width="15.26953125" style="133" customWidth="1"/>
    <col min="9477" max="9477" width="44.26953125" style="133" customWidth="1"/>
    <col min="9478" max="9478" width="42" style="133" customWidth="1"/>
    <col min="9479" max="9479" width="22.54296875" style="133" customWidth="1"/>
    <col min="9480" max="9483" width="5.36328125" style="133" customWidth="1"/>
    <col min="9484" max="9486" width="6.54296875" style="133" customWidth="1"/>
    <col min="9487" max="9489" width="5.36328125" style="133" customWidth="1"/>
    <col min="9490" max="9728" width="9" style="133"/>
    <col min="9729" max="9729" width="2.36328125" style="133" customWidth="1"/>
    <col min="9730" max="9730" width="25" style="133" bestFit="1" customWidth="1"/>
    <col min="9731" max="9731" width="41.7265625" style="133" customWidth="1"/>
    <col min="9732" max="9732" width="15.26953125" style="133" customWidth="1"/>
    <col min="9733" max="9733" width="44.26953125" style="133" customWidth="1"/>
    <col min="9734" max="9734" width="42" style="133" customWidth="1"/>
    <col min="9735" max="9735" width="22.54296875" style="133" customWidth="1"/>
    <col min="9736" max="9739" width="5.36328125" style="133" customWidth="1"/>
    <col min="9740" max="9742" width="6.54296875" style="133" customWidth="1"/>
    <col min="9743" max="9745" width="5.36328125" style="133" customWidth="1"/>
    <col min="9746" max="9984" width="9" style="133"/>
    <col min="9985" max="9985" width="2.36328125" style="133" customWidth="1"/>
    <col min="9986" max="9986" width="25" style="133" bestFit="1" customWidth="1"/>
    <col min="9987" max="9987" width="41.7265625" style="133" customWidth="1"/>
    <col min="9988" max="9988" width="15.26953125" style="133" customWidth="1"/>
    <col min="9989" max="9989" width="44.26953125" style="133" customWidth="1"/>
    <col min="9990" max="9990" width="42" style="133" customWidth="1"/>
    <col min="9991" max="9991" width="22.54296875" style="133" customWidth="1"/>
    <col min="9992" max="9995" width="5.36328125" style="133" customWidth="1"/>
    <col min="9996" max="9998" width="6.54296875" style="133" customWidth="1"/>
    <col min="9999" max="10001" width="5.36328125" style="133" customWidth="1"/>
    <col min="10002" max="10240" width="9" style="133"/>
    <col min="10241" max="10241" width="2.36328125" style="133" customWidth="1"/>
    <col min="10242" max="10242" width="25" style="133" bestFit="1" customWidth="1"/>
    <col min="10243" max="10243" width="41.7265625" style="133" customWidth="1"/>
    <col min="10244" max="10244" width="15.26953125" style="133" customWidth="1"/>
    <col min="10245" max="10245" width="44.26953125" style="133" customWidth="1"/>
    <col min="10246" max="10246" width="42" style="133" customWidth="1"/>
    <col min="10247" max="10247" width="22.54296875" style="133" customWidth="1"/>
    <col min="10248" max="10251" width="5.36328125" style="133" customWidth="1"/>
    <col min="10252" max="10254" width="6.54296875" style="133" customWidth="1"/>
    <col min="10255" max="10257" width="5.36328125" style="133" customWidth="1"/>
    <col min="10258" max="10496" width="9" style="133"/>
    <col min="10497" max="10497" width="2.36328125" style="133" customWidth="1"/>
    <col min="10498" max="10498" width="25" style="133" bestFit="1" customWidth="1"/>
    <col min="10499" max="10499" width="41.7265625" style="133" customWidth="1"/>
    <col min="10500" max="10500" width="15.26953125" style="133" customWidth="1"/>
    <col min="10501" max="10501" width="44.26953125" style="133" customWidth="1"/>
    <col min="10502" max="10502" width="42" style="133" customWidth="1"/>
    <col min="10503" max="10503" width="22.54296875" style="133" customWidth="1"/>
    <col min="10504" max="10507" width="5.36328125" style="133" customWidth="1"/>
    <col min="10508" max="10510" width="6.54296875" style="133" customWidth="1"/>
    <col min="10511" max="10513" width="5.36328125" style="133" customWidth="1"/>
    <col min="10514" max="10752" width="9" style="133"/>
    <col min="10753" max="10753" width="2.36328125" style="133" customWidth="1"/>
    <col min="10754" max="10754" width="25" style="133" bestFit="1" customWidth="1"/>
    <col min="10755" max="10755" width="41.7265625" style="133" customWidth="1"/>
    <col min="10756" max="10756" width="15.26953125" style="133" customWidth="1"/>
    <col min="10757" max="10757" width="44.26953125" style="133" customWidth="1"/>
    <col min="10758" max="10758" width="42" style="133" customWidth="1"/>
    <col min="10759" max="10759" width="22.54296875" style="133" customWidth="1"/>
    <col min="10760" max="10763" width="5.36328125" style="133" customWidth="1"/>
    <col min="10764" max="10766" width="6.54296875" style="133" customWidth="1"/>
    <col min="10767" max="10769" width="5.36328125" style="133" customWidth="1"/>
    <col min="10770" max="11008" width="9" style="133"/>
    <col min="11009" max="11009" width="2.36328125" style="133" customWidth="1"/>
    <col min="11010" max="11010" width="25" style="133" bestFit="1" customWidth="1"/>
    <col min="11011" max="11011" width="41.7265625" style="133" customWidth="1"/>
    <col min="11012" max="11012" width="15.26953125" style="133" customWidth="1"/>
    <col min="11013" max="11013" width="44.26953125" style="133" customWidth="1"/>
    <col min="11014" max="11014" width="42" style="133" customWidth="1"/>
    <col min="11015" max="11015" width="22.54296875" style="133" customWidth="1"/>
    <col min="11016" max="11019" width="5.36328125" style="133" customWidth="1"/>
    <col min="11020" max="11022" width="6.54296875" style="133" customWidth="1"/>
    <col min="11023" max="11025" width="5.36328125" style="133" customWidth="1"/>
    <col min="11026" max="11264" width="9" style="133"/>
    <col min="11265" max="11265" width="2.36328125" style="133" customWidth="1"/>
    <col min="11266" max="11266" width="25" style="133" bestFit="1" customWidth="1"/>
    <col min="11267" max="11267" width="41.7265625" style="133" customWidth="1"/>
    <col min="11268" max="11268" width="15.26953125" style="133" customWidth="1"/>
    <col min="11269" max="11269" width="44.26953125" style="133" customWidth="1"/>
    <col min="11270" max="11270" width="42" style="133" customWidth="1"/>
    <col min="11271" max="11271" width="22.54296875" style="133" customWidth="1"/>
    <col min="11272" max="11275" width="5.36328125" style="133" customWidth="1"/>
    <col min="11276" max="11278" width="6.54296875" style="133" customWidth="1"/>
    <col min="11279" max="11281" width="5.36328125" style="133" customWidth="1"/>
    <col min="11282" max="11520" width="9" style="133"/>
    <col min="11521" max="11521" width="2.36328125" style="133" customWidth="1"/>
    <col min="11522" max="11522" width="25" style="133" bestFit="1" customWidth="1"/>
    <col min="11523" max="11523" width="41.7265625" style="133" customWidth="1"/>
    <col min="11524" max="11524" width="15.26953125" style="133" customWidth="1"/>
    <col min="11525" max="11525" width="44.26953125" style="133" customWidth="1"/>
    <col min="11526" max="11526" width="42" style="133" customWidth="1"/>
    <col min="11527" max="11527" width="22.54296875" style="133" customWidth="1"/>
    <col min="11528" max="11531" width="5.36328125" style="133" customWidth="1"/>
    <col min="11532" max="11534" width="6.54296875" style="133" customWidth="1"/>
    <col min="11535" max="11537" width="5.36328125" style="133" customWidth="1"/>
    <col min="11538" max="11776" width="9" style="133"/>
    <col min="11777" max="11777" width="2.36328125" style="133" customWidth="1"/>
    <col min="11778" max="11778" width="25" style="133" bestFit="1" customWidth="1"/>
    <col min="11779" max="11779" width="41.7265625" style="133" customWidth="1"/>
    <col min="11780" max="11780" width="15.26953125" style="133" customWidth="1"/>
    <col min="11781" max="11781" width="44.26953125" style="133" customWidth="1"/>
    <col min="11782" max="11782" width="42" style="133" customWidth="1"/>
    <col min="11783" max="11783" width="22.54296875" style="133" customWidth="1"/>
    <col min="11784" max="11787" width="5.36328125" style="133" customWidth="1"/>
    <col min="11788" max="11790" width="6.54296875" style="133" customWidth="1"/>
    <col min="11791" max="11793" width="5.36328125" style="133" customWidth="1"/>
    <col min="11794" max="12032" width="9" style="133"/>
    <col min="12033" max="12033" width="2.36328125" style="133" customWidth="1"/>
    <col min="12034" max="12034" width="25" style="133" bestFit="1" customWidth="1"/>
    <col min="12035" max="12035" width="41.7265625" style="133" customWidth="1"/>
    <col min="12036" max="12036" width="15.26953125" style="133" customWidth="1"/>
    <col min="12037" max="12037" width="44.26953125" style="133" customWidth="1"/>
    <col min="12038" max="12038" width="42" style="133" customWidth="1"/>
    <col min="12039" max="12039" width="22.54296875" style="133" customWidth="1"/>
    <col min="12040" max="12043" width="5.36328125" style="133" customWidth="1"/>
    <col min="12044" max="12046" width="6.54296875" style="133" customWidth="1"/>
    <col min="12047" max="12049" width="5.36328125" style="133" customWidth="1"/>
    <col min="12050" max="12288" width="9" style="133"/>
    <col min="12289" max="12289" width="2.36328125" style="133" customWidth="1"/>
    <col min="12290" max="12290" width="25" style="133" bestFit="1" customWidth="1"/>
    <col min="12291" max="12291" width="41.7265625" style="133" customWidth="1"/>
    <col min="12292" max="12292" width="15.26953125" style="133" customWidth="1"/>
    <col min="12293" max="12293" width="44.26953125" style="133" customWidth="1"/>
    <col min="12294" max="12294" width="42" style="133" customWidth="1"/>
    <col min="12295" max="12295" width="22.54296875" style="133" customWidth="1"/>
    <col min="12296" max="12299" width="5.36328125" style="133" customWidth="1"/>
    <col min="12300" max="12302" width="6.54296875" style="133" customWidth="1"/>
    <col min="12303" max="12305" width="5.36328125" style="133" customWidth="1"/>
    <col min="12306" max="12544" width="9" style="133"/>
    <col min="12545" max="12545" width="2.36328125" style="133" customWidth="1"/>
    <col min="12546" max="12546" width="25" style="133" bestFit="1" customWidth="1"/>
    <col min="12547" max="12547" width="41.7265625" style="133" customWidth="1"/>
    <col min="12548" max="12548" width="15.26953125" style="133" customWidth="1"/>
    <col min="12549" max="12549" width="44.26953125" style="133" customWidth="1"/>
    <col min="12550" max="12550" width="42" style="133" customWidth="1"/>
    <col min="12551" max="12551" width="22.54296875" style="133" customWidth="1"/>
    <col min="12552" max="12555" width="5.36328125" style="133" customWidth="1"/>
    <col min="12556" max="12558" width="6.54296875" style="133" customWidth="1"/>
    <col min="12559" max="12561" width="5.36328125" style="133" customWidth="1"/>
    <col min="12562" max="12800" width="9" style="133"/>
    <col min="12801" max="12801" width="2.36328125" style="133" customWidth="1"/>
    <col min="12802" max="12802" width="25" style="133" bestFit="1" customWidth="1"/>
    <col min="12803" max="12803" width="41.7265625" style="133" customWidth="1"/>
    <col min="12804" max="12804" width="15.26953125" style="133" customWidth="1"/>
    <col min="12805" max="12805" width="44.26953125" style="133" customWidth="1"/>
    <col min="12806" max="12806" width="42" style="133" customWidth="1"/>
    <col min="12807" max="12807" width="22.54296875" style="133" customWidth="1"/>
    <col min="12808" max="12811" width="5.36328125" style="133" customWidth="1"/>
    <col min="12812" max="12814" width="6.54296875" style="133" customWidth="1"/>
    <col min="12815" max="12817" width="5.36328125" style="133" customWidth="1"/>
    <col min="12818" max="13056" width="9" style="133"/>
    <col min="13057" max="13057" width="2.36328125" style="133" customWidth="1"/>
    <col min="13058" max="13058" width="25" style="133" bestFit="1" customWidth="1"/>
    <col min="13059" max="13059" width="41.7265625" style="133" customWidth="1"/>
    <col min="13060" max="13060" width="15.26953125" style="133" customWidth="1"/>
    <col min="13061" max="13061" width="44.26953125" style="133" customWidth="1"/>
    <col min="13062" max="13062" width="42" style="133" customWidth="1"/>
    <col min="13063" max="13063" width="22.54296875" style="133" customWidth="1"/>
    <col min="13064" max="13067" width="5.36328125" style="133" customWidth="1"/>
    <col min="13068" max="13070" width="6.54296875" style="133" customWidth="1"/>
    <col min="13071" max="13073" width="5.36328125" style="133" customWidth="1"/>
    <col min="13074" max="13312" width="9" style="133"/>
    <col min="13313" max="13313" width="2.36328125" style="133" customWidth="1"/>
    <col min="13314" max="13314" width="25" style="133" bestFit="1" customWidth="1"/>
    <col min="13315" max="13315" width="41.7265625" style="133" customWidth="1"/>
    <col min="13316" max="13316" width="15.26953125" style="133" customWidth="1"/>
    <col min="13317" max="13317" width="44.26953125" style="133" customWidth="1"/>
    <col min="13318" max="13318" width="42" style="133" customWidth="1"/>
    <col min="13319" max="13319" width="22.54296875" style="133" customWidth="1"/>
    <col min="13320" max="13323" width="5.36328125" style="133" customWidth="1"/>
    <col min="13324" max="13326" width="6.54296875" style="133" customWidth="1"/>
    <col min="13327" max="13329" width="5.36328125" style="133" customWidth="1"/>
    <col min="13330" max="13568" width="9" style="133"/>
    <col min="13569" max="13569" width="2.36328125" style="133" customWidth="1"/>
    <col min="13570" max="13570" width="25" style="133" bestFit="1" customWidth="1"/>
    <col min="13571" max="13571" width="41.7265625" style="133" customWidth="1"/>
    <col min="13572" max="13572" width="15.26953125" style="133" customWidth="1"/>
    <col min="13573" max="13573" width="44.26953125" style="133" customWidth="1"/>
    <col min="13574" max="13574" width="42" style="133" customWidth="1"/>
    <col min="13575" max="13575" width="22.54296875" style="133" customWidth="1"/>
    <col min="13576" max="13579" width="5.36328125" style="133" customWidth="1"/>
    <col min="13580" max="13582" width="6.54296875" style="133" customWidth="1"/>
    <col min="13583" max="13585" width="5.36328125" style="133" customWidth="1"/>
    <col min="13586" max="13824" width="9" style="133"/>
    <col min="13825" max="13825" width="2.36328125" style="133" customWidth="1"/>
    <col min="13826" max="13826" width="25" style="133" bestFit="1" customWidth="1"/>
    <col min="13827" max="13827" width="41.7265625" style="133" customWidth="1"/>
    <col min="13828" max="13828" width="15.26953125" style="133" customWidth="1"/>
    <col min="13829" max="13829" width="44.26953125" style="133" customWidth="1"/>
    <col min="13830" max="13830" width="42" style="133" customWidth="1"/>
    <col min="13831" max="13831" width="22.54296875" style="133" customWidth="1"/>
    <col min="13832" max="13835" width="5.36328125" style="133" customWidth="1"/>
    <col min="13836" max="13838" width="6.54296875" style="133" customWidth="1"/>
    <col min="13839" max="13841" width="5.36328125" style="133" customWidth="1"/>
    <col min="13842" max="14080" width="9" style="133"/>
    <col min="14081" max="14081" width="2.36328125" style="133" customWidth="1"/>
    <col min="14082" max="14082" width="25" style="133" bestFit="1" customWidth="1"/>
    <col min="14083" max="14083" width="41.7265625" style="133" customWidth="1"/>
    <col min="14084" max="14084" width="15.26953125" style="133" customWidth="1"/>
    <col min="14085" max="14085" width="44.26953125" style="133" customWidth="1"/>
    <col min="14086" max="14086" width="42" style="133" customWidth="1"/>
    <col min="14087" max="14087" width="22.54296875" style="133" customWidth="1"/>
    <col min="14088" max="14091" width="5.36328125" style="133" customWidth="1"/>
    <col min="14092" max="14094" width="6.54296875" style="133" customWidth="1"/>
    <col min="14095" max="14097" width="5.36328125" style="133" customWidth="1"/>
    <col min="14098" max="14336" width="9" style="133"/>
    <col min="14337" max="14337" width="2.36328125" style="133" customWidth="1"/>
    <col min="14338" max="14338" width="25" style="133" bestFit="1" customWidth="1"/>
    <col min="14339" max="14339" width="41.7265625" style="133" customWidth="1"/>
    <col min="14340" max="14340" width="15.26953125" style="133" customWidth="1"/>
    <col min="14341" max="14341" width="44.26953125" style="133" customWidth="1"/>
    <col min="14342" max="14342" width="42" style="133" customWidth="1"/>
    <col min="14343" max="14343" width="22.54296875" style="133" customWidth="1"/>
    <col min="14344" max="14347" width="5.36328125" style="133" customWidth="1"/>
    <col min="14348" max="14350" width="6.54296875" style="133" customWidth="1"/>
    <col min="14351" max="14353" width="5.36328125" style="133" customWidth="1"/>
    <col min="14354" max="14592" width="9" style="133"/>
    <col min="14593" max="14593" width="2.36328125" style="133" customWidth="1"/>
    <col min="14594" max="14594" width="25" style="133" bestFit="1" customWidth="1"/>
    <col min="14595" max="14595" width="41.7265625" style="133" customWidth="1"/>
    <col min="14596" max="14596" width="15.26953125" style="133" customWidth="1"/>
    <col min="14597" max="14597" width="44.26953125" style="133" customWidth="1"/>
    <col min="14598" max="14598" width="42" style="133" customWidth="1"/>
    <col min="14599" max="14599" width="22.54296875" style="133" customWidth="1"/>
    <col min="14600" max="14603" width="5.36328125" style="133" customWidth="1"/>
    <col min="14604" max="14606" width="6.54296875" style="133" customWidth="1"/>
    <col min="14607" max="14609" width="5.36328125" style="133" customWidth="1"/>
    <col min="14610" max="14848" width="9" style="133"/>
    <col min="14849" max="14849" width="2.36328125" style="133" customWidth="1"/>
    <col min="14850" max="14850" width="25" style="133" bestFit="1" customWidth="1"/>
    <col min="14851" max="14851" width="41.7265625" style="133" customWidth="1"/>
    <col min="14852" max="14852" width="15.26953125" style="133" customWidth="1"/>
    <col min="14853" max="14853" width="44.26953125" style="133" customWidth="1"/>
    <col min="14854" max="14854" width="42" style="133" customWidth="1"/>
    <col min="14855" max="14855" width="22.54296875" style="133" customWidth="1"/>
    <col min="14856" max="14859" width="5.36328125" style="133" customWidth="1"/>
    <col min="14860" max="14862" width="6.54296875" style="133" customWidth="1"/>
    <col min="14863" max="14865" width="5.36328125" style="133" customWidth="1"/>
    <col min="14866" max="15104" width="9" style="133"/>
    <col min="15105" max="15105" width="2.36328125" style="133" customWidth="1"/>
    <col min="15106" max="15106" width="25" style="133" bestFit="1" customWidth="1"/>
    <col min="15107" max="15107" width="41.7265625" style="133" customWidth="1"/>
    <col min="15108" max="15108" width="15.26953125" style="133" customWidth="1"/>
    <col min="15109" max="15109" width="44.26953125" style="133" customWidth="1"/>
    <col min="15110" max="15110" width="42" style="133" customWidth="1"/>
    <col min="15111" max="15111" width="22.54296875" style="133" customWidth="1"/>
    <col min="15112" max="15115" width="5.36328125" style="133" customWidth="1"/>
    <col min="15116" max="15118" width="6.54296875" style="133" customWidth="1"/>
    <col min="15119" max="15121" width="5.36328125" style="133" customWidth="1"/>
    <col min="15122" max="15360" width="9" style="133"/>
    <col min="15361" max="15361" width="2.36328125" style="133" customWidth="1"/>
    <col min="15362" max="15362" width="25" style="133" bestFit="1" customWidth="1"/>
    <col min="15363" max="15363" width="41.7265625" style="133" customWidth="1"/>
    <col min="15364" max="15364" width="15.26953125" style="133" customWidth="1"/>
    <col min="15365" max="15365" width="44.26953125" style="133" customWidth="1"/>
    <col min="15366" max="15366" width="42" style="133" customWidth="1"/>
    <col min="15367" max="15367" width="22.54296875" style="133" customWidth="1"/>
    <col min="15368" max="15371" width="5.36328125" style="133" customWidth="1"/>
    <col min="15372" max="15374" width="6.54296875" style="133" customWidth="1"/>
    <col min="15375" max="15377" width="5.36328125" style="133" customWidth="1"/>
    <col min="15378" max="15616" width="9" style="133"/>
    <col min="15617" max="15617" width="2.36328125" style="133" customWidth="1"/>
    <col min="15618" max="15618" width="25" style="133" bestFit="1" customWidth="1"/>
    <col min="15619" max="15619" width="41.7265625" style="133" customWidth="1"/>
    <col min="15620" max="15620" width="15.26953125" style="133" customWidth="1"/>
    <col min="15621" max="15621" width="44.26953125" style="133" customWidth="1"/>
    <col min="15622" max="15622" width="42" style="133" customWidth="1"/>
    <col min="15623" max="15623" width="22.54296875" style="133" customWidth="1"/>
    <col min="15624" max="15627" width="5.36328125" style="133" customWidth="1"/>
    <col min="15628" max="15630" width="6.54296875" style="133" customWidth="1"/>
    <col min="15631" max="15633" width="5.36328125" style="133" customWidth="1"/>
    <col min="15634" max="15872" width="9" style="133"/>
    <col min="15873" max="15873" width="2.36328125" style="133" customWidth="1"/>
    <col min="15874" max="15874" width="25" style="133" bestFit="1" customWidth="1"/>
    <col min="15875" max="15875" width="41.7265625" style="133" customWidth="1"/>
    <col min="15876" max="15876" width="15.26953125" style="133" customWidth="1"/>
    <col min="15877" max="15877" width="44.26953125" style="133" customWidth="1"/>
    <col min="15878" max="15878" width="42" style="133" customWidth="1"/>
    <col min="15879" max="15879" width="22.54296875" style="133" customWidth="1"/>
    <col min="15880" max="15883" width="5.36328125" style="133" customWidth="1"/>
    <col min="15884" max="15886" width="6.54296875" style="133" customWidth="1"/>
    <col min="15887" max="15889" width="5.36328125" style="133" customWidth="1"/>
    <col min="15890" max="16128" width="9" style="133"/>
    <col min="16129" max="16129" width="2.36328125" style="133" customWidth="1"/>
    <col min="16130" max="16130" width="25" style="133" bestFit="1" customWidth="1"/>
    <col min="16131" max="16131" width="41.7265625" style="133" customWidth="1"/>
    <col min="16132" max="16132" width="15.26953125" style="133" customWidth="1"/>
    <col min="16133" max="16133" width="44.26953125" style="133" customWidth="1"/>
    <col min="16134" max="16134" width="42" style="133" customWidth="1"/>
    <col min="16135" max="16135" width="22.54296875" style="133" customWidth="1"/>
    <col min="16136" max="16139" width="5.36328125" style="133" customWidth="1"/>
    <col min="16140" max="16142" width="6.54296875" style="133" customWidth="1"/>
    <col min="16143" max="16145" width="5.36328125" style="133" customWidth="1"/>
    <col min="16146" max="16384" width="9" style="133"/>
  </cols>
  <sheetData>
    <row r="1" spans="1:14" ht="20.25" customHeight="1">
      <c r="A1"/>
      <c r="B1" s="132" t="s">
        <v>33</v>
      </c>
      <c r="C1"/>
      <c r="D1"/>
      <c r="E1"/>
      <c r="F1"/>
      <c r="G1"/>
      <c r="H1"/>
      <c r="I1"/>
      <c r="J1"/>
      <c r="K1"/>
    </row>
    <row r="3" spans="1:14" ht="21" customHeight="1">
      <c r="A3" s="134"/>
      <c r="B3" s="135" t="s">
        <v>34</v>
      </c>
      <c r="C3" s="135"/>
      <c r="D3" s="135"/>
      <c r="E3" s="135"/>
      <c r="F3" s="135"/>
      <c r="G3" s="135"/>
      <c r="H3" s="135"/>
      <c r="I3" s="135"/>
      <c r="J3" s="135"/>
      <c r="K3" s="135"/>
      <c r="L3" s="135"/>
      <c r="M3" s="135"/>
      <c r="N3" s="135"/>
    </row>
    <row r="4" spans="1:14" ht="20.25" customHeight="1">
      <c r="A4" s="134"/>
      <c r="B4" s="136" t="s">
        <v>35</v>
      </c>
      <c r="C4" s="137"/>
      <c r="D4" s="137"/>
      <c r="E4" s="137"/>
      <c r="F4" s="137"/>
      <c r="G4" s="137"/>
      <c r="H4" s="137"/>
      <c r="I4" s="137"/>
      <c r="J4" s="137"/>
      <c r="K4" s="137"/>
    </row>
    <row r="5" spans="1:14" ht="20.25" customHeight="1">
      <c r="A5" s="134"/>
      <c r="B5" s="136" t="s">
        <v>36</v>
      </c>
      <c r="C5" s="137"/>
      <c r="D5" s="137"/>
      <c r="E5" s="137"/>
      <c r="F5" s="137"/>
      <c r="G5" s="137"/>
      <c r="H5" s="137"/>
      <c r="I5" s="137"/>
      <c r="J5" s="137"/>
      <c r="K5" s="137"/>
    </row>
    <row r="6" spans="1:14" ht="20.25" customHeight="1">
      <c r="A6" s="134"/>
      <c r="B6" s="136" t="s">
        <v>37</v>
      </c>
      <c r="C6" s="137"/>
      <c r="D6" s="137"/>
      <c r="E6" s="137"/>
      <c r="F6" s="137"/>
      <c r="G6" s="137"/>
      <c r="H6" s="137"/>
      <c r="I6" s="137"/>
      <c r="J6" s="137"/>
      <c r="K6" s="137"/>
    </row>
    <row r="7" spans="1:14" ht="20.25" customHeight="1">
      <c r="A7" s="134"/>
      <c r="B7" s="136" t="s">
        <v>38</v>
      </c>
      <c r="C7" s="137"/>
      <c r="D7" s="137"/>
      <c r="E7" s="137"/>
      <c r="F7" s="137"/>
      <c r="G7" s="137"/>
      <c r="H7" s="137"/>
      <c r="I7" s="137"/>
      <c r="J7" s="137"/>
      <c r="K7" s="137"/>
    </row>
    <row r="8" spans="1:14" ht="20.25" customHeight="1">
      <c r="A8" s="134"/>
      <c r="B8" s="136" t="s">
        <v>39</v>
      </c>
      <c r="C8" s="137"/>
      <c r="D8" s="137"/>
      <c r="E8" s="137"/>
      <c r="F8" s="137"/>
      <c r="G8" s="137"/>
      <c r="H8" s="137"/>
      <c r="I8" s="137"/>
      <c r="J8" s="137"/>
      <c r="K8" s="137"/>
    </row>
    <row r="9" spans="1:14" ht="20.25" customHeight="1">
      <c r="A9" s="134"/>
      <c r="B9" s="136" t="s">
        <v>40</v>
      </c>
      <c r="C9" s="137"/>
      <c r="D9" s="137"/>
      <c r="E9" s="137"/>
      <c r="F9" s="137"/>
      <c r="G9" s="137"/>
      <c r="H9" s="137"/>
      <c r="I9" s="137"/>
      <c r="J9" s="137"/>
      <c r="K9" s="137"/>
    </row>
    <row r="10" spans="1:14" ht="20.25" customHeight="1">
      <c r="A10"/>
      <c r="B10" s="136" t="s">
        <v>41</v>
      </c>
      <c r="C10"/>
      <c r="D10"/>
      <c r="E10"/>
      <c r="F10"/>
      <c r="G10"/>
      <c r="H10"/>
      <c r="I10"/>
      <c r="J10"/>
      <c r="K10"/>
    </row>
    <row r="11" spans="1:14" ht="59.25" customHeight="1">
      <c r="A11"/>
      <c r="B11" s="138" t="s">
        <v>42</v>
      </c>
      <c r="C11" s="135"/>
      <c r="D11" s="135"/>
      <c r="E11" s="135"/>
      <c r="F11" s="135"/>
      <c r="G11" s="135"/>
      <c r="H11" s="135"/>
      <c r="I11" s="135"/>
      <c r="J11"/>
      <c r="K11"/>
    </row>
    <row r="12" spans="1:14" ht="20.25" customHeight="1">
      <c r="A12"/>
      <c r="B12" s="136" t="s">
        <v>43</v>
      </c>
      <c r="C12"/>
      <c r="D12"/>
      <c r="E12"/>
      <c r="F12"/>
      <c r="G12"/>
      <c r="H12"/>
      <c r="I12"/>
      <c r="J12"/>
      <c r="K12"/>
    </row>
    <row r="13" spans="1:14" ht="20.25" customHeight="1">
      <c r="A13"/>
      <c r="B13" s="136" t="s">
        <v>44</v>
      </c>
      <c r="C13"/>
      <c r="D13"/>
      <c r="E13"/>
      <c r="F13"/>
      <c r="G13"/>
      <c r="H13"/>
      <c r="I13"/>
      <c r="J13"/>
      <c r="K13"/>
    </row>
    <row r="14" spans="1:14" ht="20.25" customHeight="1">
      <c r="A14"/>
      <c r="B14" s="136" t="s">
        <v>45</v>
      </c>
      <c r="C14"/>
      <c r="D14"/>
      <c r="E14"/>
      <c r="F14"/>
      <c r="G14"/>
      <c r="H14"/>
      <c r="I14"/>
      <c r="J14"/>
      <c r="K14"/>
    </row>
    <row r="15" spans="1:14" ht="20.25" customHeight="1">
      <c r="A15"/>
      <c r="B15" s="136" t="s">
        <v>46</v>
      </c>
      <c r="C15"/>
      <c r="D15"/>
      <c r="E15"/>
      <c r="F15"/>
      <c r="G15"/>
      <c r="H15"/>
      <c r="I15"/>
      <c r="J15"/>
      <c r="K15"/>
    </row>
    <row r="16" spans="1:14" ht="20.25" customHeight="1">
      <c r="A16"/>
      <c r="B16" s="136" t="s">
        <v>47</v>
      </c>
      <c r="C16"/>
      <c r="D16"/>
      <c r="E16"/>
      <c r="F16"/>
      <c r="G16"/>
      <c r="H16"/>
      <c r="I16"/>
      <c r="J16"/>
      <c r="K16"/>
    </row>
    <row r="17" spans="1:11" ht="20.25" customHeight="1">
      <c r="A17"/>
      <c r="B17" s="136" t="s">
        <v>48</v>
      </c>
      <c r="C17"/>
      <c r="D17"/>
      <c r="E17"/>
      <c r="F17"/>
      <c r="G17"/>
      <c r="H17"/>
      <c r="I17"/>
      <c r="J17"/>
      <c r="K17"/>
    </row>
    <row r="18" spans="1:11" ht="20.25" customHeight="1">
      <c r="A18"/>
      <c r="B18" s="136" t="s">
        <v>49</v>
      </c>
      <c r="C18"/>
      <c r="D18"/>
      <c r="E18"/>
      <c r="F18"/>
      <c r="G18"/>
      <c r="H18"/>
      <c r="I18"/>
      <c r="J18"/>
      <c r="K18"/>
    </row>
    <row r="19" spans="1:11" ht="20.25" customHeight="1">
      <c r="A19"/>
      <c r="B19" s="136" t="s">
        <v>50</v>
      </c>
      <c r="C19"/>
      <c r="D19"/>
      <c r="E19"/>
      <c r="F19"/>
      <c r="G19"/>
      <c r="H19"/>
      <c r="I19"/>
      <c r="J19"/>
      <c r="K19"/>
    </row>
    <row r="20" spans="1:11" s="140" customFormat="1" ht="20.25" customHeight="1">
      <c r="A20" s="139"/>
      <c r="B20" s="136" t="s">
        <v>51</v>
      </c>
    </row>
    <row r="21" spans="1:11" ht="20.25" customHeight="1">
      <c r="A21" s="133"/>
      <c r="B21" s="136" t="s">
        <v>52</v>
      </c>
    </row>
    <row r="22" spans="1:11" ht="20.25" customHeight="1">
      <c r="A22" s="133"/>
      <c r="B22" s="136" t="s">
        <v>53</v>
      </c>
    </row>
    <row r="23" spans="1:11" ht="20.25" customHeight="1">
      <c r="A23" s="133"/>
      <c r="B23" s="136" t="s">
        <v>54</v>
      </c>
    </row>
    <row r="24" spans="1:11" ht="20.25" customHeight="1">
      <c r="A24" s="133"/>
      <c r="B24" s="136" t="s">
        <v>55</v>
      </c>
    </row>
    <row r="25" spans="1:11" s="141" customFormat="1" ht="20.25" customHeight="1">
      <c r="B25" s="136" t="s">
        <v>56</v>
      </c>
    </row>
    <row r="26" spans="1:11" s="141" customFormat="1" ht="20.25" customHeight="1">
      <c r="B26" s="136" t="s">
        <v>57</v>
      </c>
    </row>
    <row r="27" spans="1:11" s="141" customFormat="1" ht="20.25" customHeight="1">
      <c r="B27" s="136"/>
    </row>
    <row r="28" spans="1:11" s="141" customFormat="1" ht="20.25" customHeight="1">
      <c r="B28" s="136" t="s">
        <v>58</v>
      </c>
    </row>
    <row r="29" spans="1:11" s="141" customFormat="1" ht="20.25" customHeight="1">
      <c r="B29" s="136" t="s">
        <v>59</v>
      </c>
    </row>
    <row r="30" spans="1:11" s="141" customFormat="1" ht="20.25" customHeight="1">
      <c r="B30" s="136" t="s">
        <v>60</v>
      </c>
    </row>
    <row r="31" spans="1:11" s="141" customFormat="1" ht="20.25" customHeight="1">
      <c r="B31" s="136" t="s">
        <v>61</v>
      </c>
    </row>
    <row r="32" spans="1:11" s="141" customFormat="1" ht="20.25" customHeight="1">
      <c r="B32" s="136" t="s">
        <v>62</v>
      </c>
    </row>
    <row r="33" spans="1:19" s="141" customFormat="1" ht="20.25" customHeight="1">
      <c r="B33" s="136" t="s">
        <v>63</v>
      </c>
    </row>
    <row r="34" spans="1:19" s="141" customFormat="1" ht="20.25" customHeight="1"/>
    <row r="35" spans="1:19" s="141" customFormat="1" ht="20.25" customHeight="1">
      <c r="B35" s="136" t="s">
        <v>64</v>
      </c>
    </row>
    <row r="36" spans="1:19" s="141" customFormat="1" ht="20.25" customHeight="1">
      <c r="B36" s="136" t="s">
        <v>65</v>
      </c>
    </row>
    <row r="37" spans="1:19" s="141" customFormat="1" ht="20.25" customHeight="1">
      <c r="B37" s="136" t="s">
        <v>66</v>
      </c>
      <c r="C37" s="142"/>
      <c r="D37" s="142"/>
      <c r="E37" s="142"/>
      <c r="F37" s="142"/>
      <c r="G37" s="142"/>
    </row>
    <row r="38" spans="1:19" s="141" customFormat="1" ht="20.25" customHeight="1">
      <c r="B38" s="136" t="s">
        <v>67</v>
      </c>
      <c r="C38" s="142"/>
      <c r="D38" s="142"/>
      <c r="E38" s="142"/>
    </row>
    <row r="39" spans="1:19" s="141" customFormat="1" ht="20.25" customHeight="1">
      <c r="B39" s="138" t="s">
        <v>68</v>
      </c>
      <c r="C39" s="138"/>
      <c r="D39" s="138"/>
      <c r="E39" s="138"/>
      <c r="F39" s="138"/>
      <c r="G39" s="138"/>
      <c r="H39" s="138"/>
      <c r="I39" s="138"/>
      <c r="J39" s="138"/>
      <c r="K39" s="138"/>
      <c r="L39" s="138"/>
      <c r="M39" s="138"/>
      <c r="N39" s="138"/>
      <c r="O39" s="138"/>
      <c r="P39" s="138"/>
      <c r="Q39" s="138"/>
      <c r="S39" s="143"/>
    </row>
    <row r="40" spans="1:19" s="141" customFormat="1" ht="20.25" customHeight="1">
      <c r="B40" s="136" t="s">
        <v>69</v>
      </c>
    </row>
    <row r="41" spans="1:19" s="141" customFormat="1" ht="20.25" customHeight="1">
      <c r="B41" s="136" t="s">
        <v>70</v>
      </c>
    </row>
    <row r="42" spans="1:19" s="141" customFormat="1" ht="20.25" customHeight="1">
      <c r="B42" s="136" t="s">
        <v>71</v>
      </c>
    </row>
    <row r="43" spans="1:19" ht="20.25" customHeight="1">
      <c r="A43"/>
      <c r="B43" s="136" t="s">
        <v>72</v>
      </c>
      <c r="C43"/>
      <c r="D43"/>
      <c r="E43"/>
      <c r="F43"/>
      <c r="G43"/>
      <c r="H43"/>
      <c r="I43"/>
      <c r="J43"/>
      <c r="K43"/>
    </row>
    <row r="44" spans="1:19" ht="20.25" customHeight="1">
      <c r="B44" s="136" t="s">
        <v>73</v>
      </c>
    </row>
    <row r="45" spans="1:19" s="140" customFormat="1" ht="20.25" customHeight="1">
      <c r="A45" s="139"/>
      <c r="B45" s="133"/>
    </row>
    <row r="46" spans="1:19" ht="20.25" customHeight="1">
      <c r="B46" s="132" t="s">
        <v>74</v>
      </c>
    </row>
    <row r="47" spans="1:19" ht="20.25" customHeight="1">
      <c r="A47" s="134"/>
      <c r="C47" s="137"/>
      <c r="D47" s="137"/>
      <c r="E47" s="137"/>
      <c r="F47" s="137"/>
      <c r="G47" s="137"/>
      <c r="H47" s="137"/>
      <c r="I47" s="137"/>
      <c r="J47" s="137"/>
      <c r="K47" s="137"/>
    </row>
    <row r="48" spans="1:19" ht="20.25" customHeight="1">
      <c r="B48" s="136" t="s">
        <v>75</v>
      </c>
    </row>
    <row r="49" spans="1:11" ht="20.25" customHeight="1">
      <c r="A49" s="134"/>
      <c r="C49" s="137"/>
      <c r="D49" s="137"/>
      <c r="E49" s="137"/>
      <c r="F49" s="137"/>
      <c r="G49" s="137"/>
      <c r="H49" s="137"/>
      <c r="I49" s="137"/>
      <c r="J49" s="137"/>
      <c r="K49" s="137"/>
    </row>
    <row r="50" spans="1:11" ht="20.25" customHeight="1">
      <c r="A50"/>
      <c r="B50" s="136"/>
      <c r="C50"/>
      <c r="D50"/>
      <c r="E50"/>
      <c r="F50"/>
      <c r="G50"/>
      <c r="H50"/>
      <c r="I50"/>
      <c r="J50"/>
      <c r="K50"/>
    </row>
    <row r="51" spans="1:11" ht="20.25" customHeight="1">
      <c r="A51"/>
      <c r="B51" s="136"/>
      <c r="C51"/>
      <c r="D51"/>
      <c r="E51"/>
      <c r="F51"/>
      <c r="G51"/>
      <c r="H51"/>
      <c r="I51"/>
      <c r="J51"/>
      <c r="K51"/>
    </row>
    <row r="52" spans="1:11" ht="20.25" customHeight="1">
      <c r="A52"/>
      <c r="B52" s="136"/>
      <c r="C52"/>
      <c r="D52"/>
      <c r="E52"/>
      <c r="F52"/>
      <c r="G52"/>
      <c r="H52"/>
      <c r="I52"/>
      <c r="J52"/>
      <c r="K52"/>
    </row>
    <row r="53" spans="1:11" ht="20.25" customHeight="1">
      <c r="A53"/>
      <c r="B53" s="136"/>
      <c r="C53"/>
      <c r="D53"/>
      <c r="E53"/>
      <c r="F53"/>
      <c r="G53"/>
      <c r="H53"/>
      <c r="I53"/>
      <c r="J53"/>
      <c r="K53"/>
    </row>
    <row r="54" spans="1:11" ht="20.25" customHeight="1">
      <c r="A54"/>
      <c r="B54" s="136"/>
      <c r="C54"/>
      <c r="D54"/>
      <c r="E54"/>
      <c r="F54"/>
      <c r="G54"/>
      <c r="H54"/>
      <c r="I54"/>
      <c r="J54"/>
      <c r="K54"/>
    </row>
    <row r="55" spans="1:11" ht="20.25" customHeight="1">
      <c r="A55"/>
      <c r="B55" s="136"/>
      <c r="C55"/>
      <c r="D55"/>
      <c r="E55"/>
      <c r="F55" s="136"/>
      <c r="G55" s="136"/>
    </row>
    <row r="56" spans="1:11" ht="20.25" customHeight="1">
      <c r="A56"/>
      <c r="B56" s="136"/>
      <c r="C56"/>
      <c r="D56"/>
      <c r="E56"/>
      <c r="F56" s="136"/>
      <c r="G56" s="136"/>
    </row>
    <row r="57" spans="1:11" ht="20.25" customHeight="1">
      <c r="A57"/>
      <c r="B57" s="136"/>
      <c r="C57"/>
      <c r="D57"/>
      <c r="E57"/>
      <c r="F57" s="136"/>
      <c r="G57" s="136"/>
    </row>
    <row r="58" spans="1:11" ht="21.75" customHeight="1">
      <c r="A58"/>
      <c r="B58" s="136"/>
      <c r="C58"/>
      <c r="D58"/>
      <c r="E58"/>
      <c r="F58"/>
      <c r="G58"/>
    </row>
    <row r="59" spans="1:11" s="146" customFormat="1" ht="19.5" customHeight="1">
      <c r="A59" s="145"/>
      <c r="B59" s="136"/>
    </row>
    <row r="60" spans="1:11" ht="20.25" customHeight="1">
      <c r="A60" s="133"/>
      <c r="B60" s="136"/>
      <c r="C60"/>
      <c r="D60"/>
      <c r="E60"/>
      <c r="F60"/>
      <c r="G60"/>
    </row>
    <row r="61" spans="1:11" ht="19.5" customHeight="1">
      <c r="A61" s="133"/>
      <c r="B61" s="136"/>
      <c r="C61"/>
      <c r="D61"/>
      <c r="E61"/>
      <c r="F61"/>
      <c r="G61"/>
    </row>
    <row r="62" spans="1:11" ht="20.25" customHeight="1">
      <c r="B62" s="136"/>
    </row>
  </sheetData>
  <mergeCells count="3">
    <mergeCell ref="B3:N3"/>
    <mergeCell ref="B11:I11"/>
    <mergeCell ref="B39:Q39"/>
  </mergeCells>
  <phoneticPr fontId="2"/>
  <printOptions horizontalCentered="1"/>
  <pageMargins left="0.23622047244094491" right="0.23622047244094491" top="0.74803149606299213" bottom="0.74803149606299213" header="0.31496062992125984" footer="0.31496062992125984"/>
  <pageSetup paperSize="9" scale="3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別紙１－２</vt:lpstr>
      <vt:lpstr>備考（1－2）</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5586 西川雅子</dc:creator>
  <cp:lastModifiedBy>s005586 西川雅子</cp:lastModifiedBy>
  <cp:lastPrinted>2026-03-30T05:30:05Z</cp:lastPrinted>
  <dcterms:created xsi:type="dcterms:W3CDTF">2026-03-30T05:29:59Z</dcterms:created>
  <dcterms:modified xsi:type="dcterms:W3CDTF">2026-03-30T05:30:16Z</dcterms:modified>
</cp:coreProperties>
</file>